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R01年度作成分\☆HP原稿\02_項目別（統計以降）（Excel）\01_統計\"/>
    </mc:Choice>
  </mc:AlternateContent>
  <bookViews>
    <workbookView xWindow="0" yWindow="0" windowWidth="23016" windowHeight="7704"/>
  </bookViews>
  <sheets>
    <sheet name="第1表" sheetId="1" r:id="rId1"/>
    <sheet name="第２～４表" sheetId="6" r:id="rId2"/>
    <sheet name="第5表" sheetId="5" r:id="rId3"/>
  </sheets>
  <definedNames>
    <definedName name="_Key1" hidden="1">#REF!</definedName>
    <definedName name="_Order1" hidden="1">0</definedName>
    <definedName name="\b">#REF!</definedName>
    <definedName name="_xlnm.Print_Area" localSheetId="0">第1表!$A$1:$Y$48</definedName>
    <definedName name="_xlnm.Print_Area" localSheetId="1">'第２～４表'!$A$1:$N$43</definedName>
    <definedName name="_xlnm.Print_Titles" localSheetId="2">第5表!$A:$B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71" uniqueCount="218">
  <si>
    <t>１.一般状況</t>
  </si>
  <si>
    <t>第１表　一般状況</t>
    <phoneticPr fontId="1"/>
  </si>
  <si>
    <t>事業開始年月日</t>
    <rPh sb="2" eb="4">
      <t>カイシ</t>
    </rPh>
    <rPh sb="4" eb="7">
      <t>ネンガッピ</t>
    </rPh>
    <phoneticPr fontId="1"/>
  </si>
  <si>
    <t>世帯数</t>
    <phoneticPr fontId="1"/>
  </si>
  <si>
    <t>退職世帯数 (再掲)</t>
    <phoneticPr fontId="1"/>
  </si>
  <si>
    <t>被保険者総数</t>
    <phoneticPr fontId="1"/>
  </si>
  <si>
    <t>一 般 被 保 険 者 数</t>
    <rPh sb="0" eb="1">
      <t>イチ</t>
    </rPh>
    <rPh sb="2" eb="3">
      <t>パン</t>
    </rPh>
    <rPh sb="4" eb="5">
      <t>ヒ</t>
    </rPh>
    <rPh sb="6" eb="7">
      <t>ホ</t>
    </rPh>
    <rPh sb="8" eb="9">
      <t>ケン</t>
    </rPh>
    <rPh sb="10" eb="11">
      <t>シャ</t>
    </rPh>
    <rPh sb="12" eb="13">
      <t>スウ</t>
    </rPh>
    <phoneticPr fontId="1"/>
  </si>
  <si>
    <t>前 期 高 齢 者 数</t>
    <rPh sb="0" eb="1">
      <t>マエ</t>
    </rPh>
    <rPh sb="2" eb="3">
      <t>キ</t>
    </rPh>
    <rPh sb="4" eb="5">
      <t>タカ</t>
    </rPh>
    <rPh sb="6" eb="7">
      <t>ヨワイ</t>
    </rPh>
    <rPh sb="8" eb="9">
      <t>シャ</t>
    </rPh>
    <rPh sb="10" eb="11">
      <t>スウ</t>
    </rPh>
    <phoneticPr fontId="1"/>
  </si>
  <si>
    <t>退   職   被   保   険   者   等   数</t>
    <phoneticPr fontId="1"/>
  </si>
  <si>
    <t>介 護 第 ２ 号
被 保 険 者 数</t>
    <rPh sb="0" eb="1">
      <t>スケ</t>
    </rPh>
    <rPh sb="2" eb="3">
      <t>マモル</t>
    </rPh>
    <rPh sb="4" eb="5">
      <t>ダイ</t>
    </rPh>
    <rPh sb="8" eb="9">
      <t>ゴウ</t>
    </rPh>
    <rPh sb="10" eb="11">
      <t>ヒ</t>
    </rPh>
    <rPh sb="12" eb="13">
      <t>タモツ</t>
    </rPh>
    <rPh sb="14" eb="15">
      <t>ケン</t>
    </rPh>
    <rPh sb="16" eb="17">
      <t>モノ</t>
    </rPh>
    <rPh sb="18" eb="19">
      <t>スウ</t>
    </rPh>
    <phoneticPr fontId="1"/>
  </si>
  <si>
    <t>事務
職員数</t>
    <rPh sb="3" eb="6">
      <t>ショクインスウ</t>
    </rPh>
    <phoneticPr fontId="1"/>
  </si>
  <si>
    <t>保険者名</t>
  </si>
  <si>
    <t>年度末</t>
  </si>
  <si>
    <t>年間平均</t>
  </si>
  <si>
    <t xml:space="preserve">単 独 世 帯 </t>
  </si>
  <si>
    <t xml:space="preserve">混 合 世 帯 </t>
  </si>
  <si>
    <t>本　　人</t>
  </si>
  <si>
    <t>被 扶 養 者</t>
  </si>
  <si>
    <t>計</t>
    <phoneticPr fontId="1"/>
  </si>
  <si>
    <t>年度末</t>
    <phoneticPr fontId="1"/>
  </si>
  <si>
    <t>年間平均</t>
    <phoneticPr fontId="1"/>
  </si>
  <si>
    <t>専任</t>
    <phoneticPr fontId="1"/>
  </si>
  <si>
    <t>兼任</t>
    <phoneticPr fontId="1"/>
  </si>
  <si>
    <t xml:space="preserve"> 横浜市</t>
    <phoneticPr fontId="0"/>
  </si>
  <si>
    <t xml:space="preserve"> 横浜市</t>
    <phoneticPr fontId="1"/>
  </si>
  <si>
    <t>昭和36年４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川崎市</t>
  </si>
  <si>
    <t>昭和33年11月１日</t>
    <rPh sb="0" eb="2">
      <t>ショウワ</t>
    </rPh>
    <rPh sb="4" eb="5">
      <t>ネン</t>
    </rPh>
    <rPh sb="7" eb="8">
      <t>ガツ</t>
    </rPh>
    <rPh sb="9" eb="10">
      <t>ニチ</t>
    </rPh>
    <phoneticPr fontId="1"/>
  </si>
  <si>
    <t xml:space="preserve"> 横須賀市</t>
  </si>
  <si>
    <t>昭和31年11月１日</t>
    <rPh sb="0" eb="2">
      <t>ショウワ</t>
    </rPh>
    <rPh sb="4" eb="5">
      <t>ネン</t>
    </rPh>
    <rPh sb="7" eb="8">
      <t>ガツ</t>
    </rPh>
    <rPh sb="9" eb="10">
      <t>ニチ</t>
    </rPh>
    <phoneticPr fontId="1"/>
  </si>
  <si>
    <t xml:space="preserve"> 平塚市</t>
  </si>
  <si>
    <t>昭和29年７月15日</t>
    <rPh sb="0" eb="2">
      <t>ショウワ</t>
    </rPh>
    <rPh sb="4" eb="5">
      <t>ネン</t>
    </rPh>
    <rPh sb="6" eb="7">
      <t>ガツ</t>
    </rPh>
    <rPh sb="9" eb="10">
      <t>ニチ</t>
    </rPh>
    <phoneticPr fontId="1"/>
  </si>
  <si>
    <t xml:space="preserve"> 鎌倉市</t>
  </si>
  <si>
    <t>昭和34年10月１日</t>
    <rPh sb="0" eb="2">
      <t>ショウワ</t>
    </rPh>
    <rPh sb="4" eb="5">
      <t>ネン</t>
    </rPh>
    <rPh sb="7" eb="8">
      <t>ガツ</t>
    </rPh>
    <rPh sb="9" eb="10">
      <t>ニチ</t>
    </rPh>
    <phoneticPr fontId="1"/>
  </si>
  <si>
    <t xml:space="preserve"> 藤沢市</t>
  </si>
  <si>
    <t>昭和29年７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小田原市</t>
  </si>
  <si>
    <t>昭和26年４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茅ヶ崎市</t>
  </si>
  <si>
    <t>昭和30年４月５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逗子市</t>
  </si>
  <si>
    <t>昭和34年４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相模原市</t>
  </si>
  <si>
    <t>昭和25年７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三浦市</t>
  </si>
  <si>
    <t>昭和30年１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秦野市</t>
  </si>
  <si>
    <t xml:space="preserve"> 厚木市</t>
  </si>
  <si>
    <t>昭和30年２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大和市</t>
  </si>
  <si>
    <t>昭和25年３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伊勢原市</t>
  </si>
  <si>
    <t>昭和29年12月１日</t>
    <rPh sb="0" eb="2">
      <t>ショウワ</t>
    </rPh>
    <rPh sb="4" eb="5">
      <t>ネン</t>
    </rPh>
    <rPh sb="7" eb="8">
      <t>ガツ</t>
    </rPh>
    <rPh sb="9" eb="10">
      <t>ニチ</t>
    </rPh>
    <phoneticPr fontId="1"/>
  </si>
  <si>
    <t xml:space="preserve"> 海老名市</t>
  </si>
  <si>
    <t>昭和30年７月20日</t>
    <rPh sb="0" eb="2">
      <t>ショウワ</t>
    </rPh>
    <rPh sb="4" eb="5">
      <t>ネン</t>
    </rPh>
    <rPh sb="6" eb="7">
      <t>ガツ</t>
    </rPh>
    <rPh sb="9" eb="10">
      <t>ニチ</t>
    </rPh>
    <phoneticPr fontId="1"/>
  </si>
  <si>
    <t xml:space="preserve"> 座間市</t>
  </si>
  <si>
    <t>昭和25年１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南足柄市</t>
  </si>
  <si>
    <t xml:space="preserve"> 葉山町</t>
  </si>
  <si>
    <t xml:space="preserve"> 寒川町</t>
  </si>
  <si>
    <t xml:space="preserve"> 綾瀬市</t>
  </si>
  <si>
    <t xml:space="preserve"> 大磯町</t>
  </si>
  <si>
    <t xml:space="preserve"> 二宮町</t>
  </si>
  <si>
    <t>昭和26年６月１日</t>
    <phoneticPr fontId="1"/>
  </si>
  <si>
    <t xml:space="preserve"> 中井町</t>
  </si>
  <si>
    <t>昭和25年４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大井町</t>
  </si>
  <si>
    <t>昭和31年４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松田町</t>
  </si>
  <si>
    <t xml:space="preserve"> 山北町</t>
  </si>
  <si>
    <t xml:space="preserve"> 開成町</t>
  </si>
  <si>
    <t xml:space="preserve"> 箱根町</t>
  </si>
  <si>
    <t>昭和30年９月30日</t>
    <rPh sb="0" eb="2">
      <t>ショウワ</t>
    </rPh>
    <rPh sb="4" eb="5">
      <t>ネン</t>
    </rPh>
    <rPh sb="6" eb="7">
      <t>ガツ</t>
    </rPh>
    <rPh sb="9" eb="10">
      <t>ニチ</t>
    </rPh>
    <phoneticPr fontId="1"/>
  </si>
  <si>
    <t xml:space="preserve"> 真鶴町</t>
  </si>
  <si>
    <t xml:space="preserve"> 湯河原町</t>
  </si>
  <si>
    <t>昭和30年４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愛川町</t>
  </si>
  <si>
    <t>昭和30年１月15日</t>
    <rPh sb="0" eb="2">
      <t>ショウワ</t>
    </rPh>
    <rPh sb="4" eb="5">
      <t>ネン</t>
    </rPh>
    <rPh sb="6" eb="7">
      <t>ガツ</t>
    </rPh>
    <rPh sb="9" eb="10">
      <t>ニチ</t>
    </rPh>
    <phoneticPr fontId="1"/>
  </si>
  <si>
    <t xml:space="preserve"> 清川村</t>
  </si>
  <si>
    <t>昭和31年９月30日</t>
    <rPh sb="0" eb="2">
      <t>ショウワ</t>
    </rPh>
    <rPh sb="4" eb="5">
      <t>ネン</t>
    </rPh>
    <rPh sb="6" eb="7">
      <t>ガツ</t>
    </rPh>
    <rPh sb="9" eb="10">
      <t>ニチ</t>
    </rPh>
    <phoneticPr fontId="1"/>
  </si>
  <si>
    <t>市町村計</t>
  </si>
  <si>
    <t>－</t>
  </si>
  <si>
    <t xml:space="preserve"> 医　師</t>
    <phoneticPr fontId="1"/>
  </si>
  <si>
    <t xml:space="preserve"> 歯科医師</t>
    <phoneticPr fontId="1"/>
  </si>
  <si>
    <t xml:space="preserve"> 食品衛生</t>
    <phoneticPr fontId="1"/>
  </si>
  <si>
    <t>昭和34年６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薬剤師</t>
    <phoneticPr fontId="1"/>
  </si>
  <si>
    <t>昭和36年２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 xml:space="preserve"> 建設業</t>
    <phoneticPr fontId="1"/>
  </si>
  <si>
    <t>昭和45年７月13日</t>
    <rPh sb="0" eb="2">
      <t>ショウワ</t>
    </rPh>
    <rPh sb="4" eb="5">
      <t>ネン</t>
    </rPh>
    <rPh sb="6" eb="7">
      <t>ガツ</t>
    </rPh>
    <rPh sb="9" eb="10">
      <t>ニチ</t>
    </rPh>
    <phoneticPr fontId="1"/>
  </si>
  <si>
    <t xml:space="preserve"> 建設連合</t>
    <phoneticPr fontId="1"/>
  </si>
  <si>
    <t>昭和45年８月１日</t>
    <rPh sb="0" eb="2">
      <t>ショウワ</t>
    </rPh>
    <rPh sb="4" eb="5">
      <t>ネン</t>
    </rPh>
    <rPh sb="6" eb="7">
      <t>ガツ</t>
    </rPh>
    <rPh sb="8" eb="9">
      <t>ニチ</t>
    </rPh>
    <phoneticPr fontId="1"/>
  </si>
  <si>
    <t>組  合  計</t>
    <phoneticPr fontId="1"/>
  </si>
  <si>
    <t>県　         　計</t>
    <phoneticPr fontId="1"/>
  </si>
  <si>
    <t>(注)　｢年間平均｣は市町村３～２月分、組合４～３月分。</t>
    <rPh sb="11" eb="14">
      <t>シチョウソン</t>
    </rPh>
    <rPh sb="17" eb="18">
      <t>ツキ</t>
    </rPh>
    <rPh sb="18" eb="19">
      <t>ブン</t>
    </rPh>
    <rPh sb="20" eb="22">
      <t>クミアイ</t>
    </rPh>
    <phoneticPr fontId="1"/>
  </si>
  <si>
    <t>計</t>
  </si>
  <si>
    <t>第５表　被保険者数の増減内訳</t>
    <phoneticPr fontId="0"/>
  </si>
  <si>
    <t xml:space="preserve">       (単位:人)</t>
  </si>
  <si>
    <t>本　　年　　度　　中　　増</t>
  </si>
  <si>
    <t>本　　年　　度　　中　　減</t>
    <phoneticPr fontId="0"/>
  </si>
  <si>
    <t>増減</t>
    <phoneticPr fontId="0"/>
  </si>
  <si>
    <t>転入</t>
    <phoneticPr fontId="0"/>
  </si>
  <si>
    <t>社保
離脱</t>
    <phoneticPr fontId="0"/>
  </si>
  <si>
    <t>生保
廃止</t>
    <phoneticPr fontId="0"/>
  </si>
  <si>
    <t>出生</t>
    <phoneticPr fontId="0"/>
  </si>
  <si>
    <t>後期　　離脱</t>
    <rPh sb="0" eb="2">
      <t>コウキ</t>
    </rPh>
    <rPh sb="4" eb="6">
      <t>リダツ</t>
    </rPh>
    <phoneticPr fontId="0"/>
  </si>
  <si>
    <t>その他</t>
  </si>
  <si>
    <t>転出</t>
    <phoneticPr fontId="0"/>
  </si>
  <si>
    <t>社保
加入</t>
    <phoneticPr fontId="0"/>
  </si>
  <si>
    <t>生保
開始</t>
    <phoneticPr fontId="0"/>
  </si>
  <si>
    <t>死亡</t>
    <phoneticPr fontId="0"/>
  </si>
  <si>
    <t>後期　　加入</t>
    <rPh sb="0" eb="2">
      <t>コウキ</t>
    </rPh>
    <rPh sb="4" eb="6">
      <t>カニュウ</t>
    </rPh>
    <phoneticPr fontId="0"/>
  </si>
  <si>
    <t xml:space="preserve"> 川崎市</t>
    <phoneticPr fontId="0"/>
  </si>
  <si>
    <t xml:space="preserve"> 横須賀市</t>
    <phoneticPr fontId="0"/>
  </si>
  <si>
    <t xml:space="preserve"> 平塚市</t>
    <phoneticPr fontId="0"/>
  </si>
  <si>
    <t xml:space="preserve"> 鎌倉市</t>
    <phoneticPr fontId="0"/>
  </si>
  <si>
    <t xml:space="preserve"> 藤沢市</t>
    <phoneticPr fontId="0"/>
  </si>
  <si>
    <t xml:space="preserve"> 小田原市</t>
    <phoneticPr fontId="0"/>
  </si>
  <si>
    <t xml:space="preserve"> 茅ヶ崎市</t>
    <phoneticPr fontId="0"/>
  </si>
  <si>
    <t xml:space="preserve"> 逗子市</t>
    <phoneticPr fontId="0"/>
  </si>
  <si>
    <t xml:space="preserve"> 相模原市</t>
    <phoneticPr fontId="0"/>
  </si>
  <si>
    <t xml:space="preserve"> 三浦市</t>
    <phoneticPr fontId="0"/>
  </si>
  <si>
    <t xml:space="preserve"> 秦野市</t>
    <phoneticPr fontId="0"/>
  </si>
  <si>
    <t xml:space="preserve"> 厚木市</t>
    <phoneticPr fontId="0"/>
  </si>
  <si>
    <t xml:space="preserve"> 大和市</t>
    <phoneticPr fontId="0"/>
  </si>
  <si>
    <t xml:space="preserve"> 伊勢原市</t>
    <phoneticPr fontId="0"/>
  </si>
  <si>
    <t xml:space="preserve"> 海老名市</t>
    <phoneticPr fontId="0"/>
  </si>
  <si>
    <t xml:space="preserve"> 座間市</t>
    <phoneticPr fontId="0"/>
  </si>
  <si>
    <t xml:space="preserve"> 南足柄市</t>
    <phoneticPr fontId="0"/>
  </si>
  <si>
    <t xml:space="preserve"> 葉山町</t>
    <phoneticPr fontId="0"/>
  </si>
  <si>
    <t xml:space="preserve"> 寒川町</t>
    <phoneticPr fontId="0"/>
  </si>
  <si>
    <t xml:space="preserve"> 綾瀬市</t>
    <phoneticPr fontId="0"/>
  </si>
  <si>
    <t xml:space="preserve"> 大磯町</t>
    <phoneticPr fontId="0"/>
  </si>
  <si>
    <t xml:space="preserve"> 二宮町</t>
    <phoneticPr fontId="0"/>
  </si>
  <si>
    <t xml:space="preserve"> 中井町</t>
    <phoneticPr fontId="0"/>
  </si>
  <si>
    <t xml:space="preserve"> 大井町</t>
    <phoneticPr fontId="0"/>
  </si>
  <si>
    <t xml:space="preserve"> 松田町</t>
    <phoneticPr fontId="0"/>
  </si>
  <si>
    <t xml:space="preserve"> 山北町</t>
    <phoneticPr fontId="0"/>
  </si>
  <si>
    <t xml:space="preserve"> 開成町</t>
    <phoneticPr fontId="0"/>
  </si>
  <si>
    <t xml:space="preserve"> 箱根町</t>
    <phoneticPr fontId="0"/>
  </si>
  <si>
    <t xml:space="preserve"> 真鶴町</t>
    <phoneticPr fontId="0"/>
  </si>
  <si>
    <t xml:space="preserve"> 湯河原町</t>
    <phoneticPr fontId="0"/>
  </si>
  <si>
    <t xml:space="preserve"> 愛川町</t>
    <phoneticPr fontId="0"/>
  </si>
  <si>
    <t xml:space="preserve"> 清川村</t>
    <phoneticPr fontId="0"/>
  </si>
  <si>
    <t xml:space="preserve"> 医　師</t>
    <phoneticPr fontId="0"/>
  </si>
  <si>
    <t xml:space="preserve"> 歯科医師</t>
    <phoneticPr fontId="0"/>
  </si>
  <si>
    <t xml:space="preserve"> 食品衛生</t>
    <phoneticPr fontId="0"/>
  </si>
  <si>
    <t xml:space="preserve"> 薬剤師</t>
    <phoneticPr fontId="0"/>
  </si>
  <si>
    <t xml:space="preserve"> 建設業</t>
    <phoneticPr fontId="0"/>
  </si>
  <si>
    <t xml:space="preserve"> 建設連合</t>
    <phoneticPr fontId="0"/>
  </si>
  <si>
    <t>組  合  計</t>
    <phoneticPr fontId="0"/>
  </si>
  <si>
    <t>県      　　計</t>
    <phoneticPr fontId="0"/>
  </si>
  <si>
    <t>第２表　一般状況の推移</t>
    <rPh sb="0" eb="1">
      <t>ダイ</t>
    </rPh>
    <rPh sb="2" eb="3">
      <t>ヒョウ</t>
    </rPh>
    <rPh sb="4" eb="6">
      <t>イッパン</t>
    </rPh>
    <rPh sb="6" eb="8">
      <t>ジョウキョウ</t>
    </rPh>
    <rPh sb="9" eb="11">
      <t>スイイ</t>
    </rPh>
    <phoneticPr fontId="11"/>
  </si>
  <si>
    <t>第２表　一般状況の推移（前ページ続き）</t>
    <rPh sb="0" eb="1">
      <t>ダイ</t>
    </rPh>
    <rPh sb="2" eb="3">
      <t>ヒョウ</t>
    </rPh>
    <rPh sb="4" eb="6">
      <t>イッパン</t>
    </rPh>
    <rPh sb="6" eb="8">
      <t>ジョウキョウ</t>
    </rPh>
    <rPh sb="9" eb="11">
      <t>スイイ</t>
    </rPh>
    <rPh sb="12" eb="13">
      <t>マエ</t>
    </rPh>
    <rPh sb="16" eb="17">
      <t>ツヅ</t>
    </rPh>
    <phoneticPr fontId="11"/>
  </si>
  <si>
    <t>（各年度末・各月末現在）</t>
    <rPh sb="1" eb="4">
      <t>カクネンド</t>
    </rPh>
    <rPh sb="4" eb="5">
      <t>マツ</t>
    </rPh>
    <rPh sb="6" eb="7">
      <t>カク</t>
    </rPh>
    <rPh sb="7" eb="8">
      <t>ツキ</t>
    </rPh>
    <rPh sb="8" eb="9">
      <t>マツ</t>
    </rPh>
    <rPh sb="9" eb="11">
      <t>ゲンザイ</t>
    </rPh>
    <phoneticPr fontId="11"/>
  </si>
  <si>
    <t>　　　　　区 分
年度・月</t>
    <rPh sb="5" eb="6">
      <t>ク</t>
    </rPh>
    <rPh sb="7" eb="8">
      <t>ブン</t>
    </rPh>
    <rPh sb="9" eb="11">
      <t>ネンド</t>
    </rPh>
    <rPh sb="12" eb="13">
      <t>ツキ</t>
    </rPh>
    <phoneticPr fontId="11"/>
  </si>
  <si>
    <t>世帯数</t>
    <rPh sb="0" eb="3">
      <t>セタイスウ</t>
    </rPh>
    <phoneticPr fontId="11"/>
  </si>
  <si>
    <t>被保険者数</t>
    <rPh sb="0" eb="5">
      <t>ヒ</t>
    </rPh>
    <phoneticPr fontId="11"/>
  </si>
  <si>
    <t>介護第２号被保険者数</t>
    <rPh sb="0" eb="2">
      <t>カイゴ</t>
    </rPh>
    <rPh sb="2" eb="3">
      <t>ダイ</t>
    </rPh>
    <rPh sb="4" eb="5">
      <t>ゴウ</t>
    </rPh>
    <rPh sb="5" eb="10">
      <t>ヒ</t>
    </rPh>
    <phoneticPr fontId="11"/>
  </si>
  <si>
    <t>事務職員数</t>
    <rPh sb="0" eb="2">
      <t>ジム</t>
    </rPh>
    <rPh sb="2" eb="5">
      <t>ショクインスウ</t>
    </rPh>
    <phoneticPr fontId="11"/>
  </si>
  <si>
    <t>市町村</t>
    <rPh sb="0" eb="3">
      <t>シチョウソン</t>
    </rPh>
    <phoneticPr fontId="11"/>
  </si>
  <si>
    <t>組合</t>
    <rPh sb="0" eb="2">
      <t>クミアイ</t>
    </rPh>
    <phoneticPr fontId="11"/>
  </si>
  <si>
    <t>計</t>
    <rPh sb="0" eb="1">
      <t>ケイ</t>
    </rPh>
    <phoneticPr fontId="11"/>
  </si>
  <si>
    <t>平成26年度</t>
    <rPh sb="0" eb="2">
      <t>ヘイセイ</t>
    </rPh>
    <rPh sb="4" eb="6">
      <t>ネンド</t>
    </rPh>
    <phoneticPr fontId="11"/>
  </si>
  <si>
    <t>平成27年度</t>
    <rPh sb="0" eb="2">
      <t>ヘイセイ</t>
    </rPh>
    <rPh sb="4" eb="6">
      <t>ネンド</t>
    </rPh>
    <phoneticPr fontId="11"/>
  </si>
  <si>
    <t>平成28年度</t>
    <rPh sb="0" eb="2">
      <t>ヘイセイ</t>
    </rPh>
    <rPh sb="4" eb="6">
      <t>ネンド</t>
    </rPh>
    <phoneticPr fontId="11"/>
  </si>
  <si>
    <t>平成29年度</t>
    <rPh sb="0" eb="2">
      <t>ヘイセイ</t>
    </rPh>
    <rPh sb="4" eb="6">
      <t>ネンド</t>
    </rPh>
    <phoneticPr fontId="11"/>
  </si>
  <si>
    <t>平成30年度</t>
    <rPh sb="0" eb="2">
      <t>ヘイセイ</t>
    </rPh>
    <rPh sb="4" eb="6">
      <t>ネンド</t>
    </rPh>
    <phoneticPr fontId="11"/>
  </si>
  <si>
    <t>令和元年度</t>
    <rPh sb="0" eb="2">
      <t>レイワ</t>
    </rPh>
    <rPh sb="2" eb="4">
      <t>ガンネン</t>
    </rPh>
    <rPh sb="4" eb="5">
      <t>ド</t>
    </rPh>
    <phoneticPr fontId="11"/>
  </si>
  <si>
    <t>平成31年 3月</t>
    <rPh sb="0" eb="2">
      <t>ヘイセイ</t>
    </rPh>
    <rPh sb="4" eb="5">
      <t>ネン</t>
    </rPh>
    <rPh sb="7" eb="8">
      <t>ツキ</t>
    </rPh>
    <phoneticPr fontId="11"/>
  </si>
  <si>
    <t>組合
（４月）</t>
    <rPh sb="0" eb="1">
      <t>クミ</t>
    </rPh>
    <rPh sb="1" eb="2">
      <t>ゴウ</t>
    </rPh>
    <rPh sb="5" eb="6">
      <t>ガツ</t>
    </rPh>
    <phoneticPr fontId="11"/>
  </si>
  <si>
    <t>平成31年 4月</t>
    <rPh sb="7" eb="8">
      <t>ツキ</t>
    </rPh>
    <phoneticPr fontId="11"/>
  </si>
  <si>
    <t>（５月）</t>
    <rPh sb="2" eb="3">
      <t>ツキ</t>
    </rPh>
    <phoneticPr fontId="11"/>
  </si>
  <si>
    <t>令和元年 5月</t>
    <rPh sb="0" eb="2">
      <t>レイワ</t>
    </rPh>
    <rPh sb="2" eb="3">
      <t>ガン</t>
    </rPh>
    <rPh sb="6" eb="7">
      <t>ツキ</t>
    </rPh>
    <phoneticPr fontId="11"/>
  </si>
  <si>
    <t>（６月）</t>
    <rPh sb="2" eb="3">
      <t>ツキ</t>
    </rPh>
    <phoneticPr fontId="11"/>
  </si>
  <si>
    <t>令和元年 6月</t>
    <rPh sb="0" eb="2">
      <t>レイワ</t>
    </rPh>
    <rPh sb="2" eb="3">
      <t>ガン</t>
    </rPh>
    <rPh sb="6" eb="7">
      <t>ツキ</t>
    </rPh>
    <phoneticPr fontId="11"/>
  </si>
  <si>
    <t>（７月）</t>
    <rPh sb="2" eb="3">
      <t>ツキ</t>
    </rPh>
    <phoneticPr fontId="11"/>
  </si>
  <si>
    <t>令和元年 7月</t>
    <rPh sb="0" eb="2">
      <t>レイワ</t>
    </rPh>
    <rPh sb="2" eb="3">
      <t>ガン</t>
    </rPh>
    <rPh sb="6" eb="7">
      <t>ツキ</t>
    </rPh>
    <phoneticPr fontId="11"/>
  </si>
  <si>
    <t>（８月）</t>
    <rPh sb="2" eb="3">
      <t>ツキ</t>
    </rPh>
    <phoneticPr fontId="11"/>
  </si>
  <si>
    <t>令和元年 8月</t>
    <rPh sb="0" eb="2">
      <t>レイワ</t>
    </rPh>
    <rPh sb="2" eb="4">
      <t>ガンネン</t>
    </rPh>
    <rPh sb="6" eb="7">
      <t>ツキ</t>
    </rPh>
    <phoneticPr fontId="11"/>
  </si>
  <si>
    <t>（９月）</t>
    <rPh sb="2" eb="3">
      <t>ツキ</t>
    </rPh>
    <phoneticPr fontId="11"/>
  </si>
  <si>
    <t>令和元年 9月</t>
    <rPh sb="0" eb="2">
      <t>レイワ</t>
    </rPh>
    <rPh sb="2" eb="3">
      <t>ガン</t>
    </rPh>
    <rPh sb="6" eb="7">
      <t>ツキ</t>
    </rPh>
    <phoneticPr fontId="11"/>
  </si>
  <si>
    <t>（10月）</t>
    <rPh sb="3" eb="4">
      <t>ツキ</t>
    </rPh>
    <phoneticPr fontId="11"/>
  </si>
  <si>
    <t>令和元年10月</t>
    <rPh sb="0" eb="2">
      <t>レイワ</t>
    </rPh>
    <rPh sb="2" eb="3">
      <t>ガン</t>
    </rPh>
    <rPh sb="6" eb="7">
      <t>ツキ</t>
    </rPh>
    <phoneticPr fontId="11"/>
  </si>
  <si>
    <t>（11月）</t>
    <rPh sb="3" eb="4">
      <t>ツキ</t>
    </rPh>
    <phoneticPr fontId="11"/>
  </si>
  <si>
    <t>令和元年11月</t>
    <rPh sb="0" eb="2">
      <t>レイワ</t>
    </rPh>
    <rPh sb="2" eb="3">
      <t>ガン</t>
    </rPh>
    <rPh sb="6" eb="7">
      <t>ツキ</t>
    </rPh>
    <phoneticPr fontId="11"/>
  </si>
  <si>
    <t>（12月）</t>
    <rPh sb="3" eb="4">
      <t>ツキ</t>
    </rPh>
    <phoneticPr fontId="11"/>
  </si>
  <si>
    <t>令和元年12月</t>
    <rPh sb="0" eb="2">
      <t>レイワ</t>
    </rPh>
    <rPh sb="2" eb="3">
      <t>ガン</t>
    </rPh>
    <rPh sb="6" eb="7">
      <t>ツキ</t>
    </rPh>
    <phoneticPr fontId="11"/>
  </si>
  <si>
    <t>（１月）</t>
    <rPh sb="2" eb="3">
      <t>ツキ</t>
    </rPh>
    <phoneticPr fontId="11"/>
  </si>
  <si>
    <t>令和２年 1月</t>
    <rPh sb="0" eb="2">
      <t>レイワ</t>
    </rPh>
    <rPh sb="6" eb="7">
      <t>ツキ</t>
    </rPh>
    <phoneticPr fontId="11"/>
  </si>
  <si>
    <t>（２月）</t>
    <rPh sb="2" eb="3">
      <t>ツキ</t>
    </rPh>
    <phoneticPr fontId="11"/>
  </si>
  <si>
    <t>令和２年 2月</t>
    <rPh sb="0" eb="2">
      <t>レイワ</t>
    </rPh>
    <rPh sb="3" eb="4">
      <t>ネン</t>
    </rPh>
    <rPh sb="6" eb="7">
      <t>ツキ</t>
    </rPh>
    <phoneticPr fontId="11"/>
  </si>
  <si>
    <t>（３月）</t>
    <rPh sb="2" eb="3">
      <t>ツキ</t>
    </rPh>
    <phoneticPr fontId="11"/>
  </si>
  <si>
    <t>保険者数　　市町村33　　組合６</t>
    <rPh sb="0" eb="3">
      <t>ホケンシャ</t>
    </rPh>
    <rPh sb="3" eb="4">
      <t>スウ</t>
    </rPh>
    <rPh sb="6" eb="9">
      <t>シチョウソン</t>
    </rPh>
    <rPh sb="13" eb="15">
      <t>クミアイ</t>
    </rPh>
    <phoneticPr fontId="11"/>
  </si>
  <si>
    <t>.</t>
    <phoneticPr fontId="11"/>
  </si>
  <si>
    <t>（注）（　）内は対前年度伸び率（％）</t>
    <rPh sb="1" eb="2">
      <t>チュウ</t>
    </rPh>
    <rPh sb="6" eb="7">
      <t>ナイ</t>
    </rPh>
    <rPh sb="8" eb="9">
      <t>タイ</t>
    </rPh>
    <rPh sb="9" eb="12">
      <t>ゼンネンド</t>
    </rPh>
    <rPh sb="12" eb="13">
      <t>ノ</t>
    </rPh>
    <rPh sb="14" eb="15">
      <t>リツ</t>
    </rPh>
    <phoneticPr fontId="11"/>
  </si>
  <si>
    <t>第４表　事務職員数の推移</t>
    <rPh sb="0" eb="1">
      <t>ダイ</t>
    </rPh>
    <rPh sb="2" eb="3">
      <t>ヒョウ</t>
    </rPh>
    <rPh sb="4" eb="6">
      <t>ジム</t>
    </rPh>
    <rPh sb="6" eb="9">
      <t>ショクインスウ</t>
    </rPh>
    <rPh sb="10" eb="12">
      <t>スイイ</t>
    </rPh>
    <phoneticPr fontId="11"/>
  </si>
  <si>
    <t>　    ｢世帯数」「被保険者数」「介護第２号被保険者数」は、市町村３～２月分、組合４～３月分</t>
    <rPh sb="6" eb="9">
      <t>セタイスウ</t>
    </rPh>
    <rPh sb="11" eb="12">
      <t>ヒ</t>
    </rPh>
    <rPh sb="12" eb="14">
      <t>ホケン</t>
    </rPh>
    <rPh sb="14" eb="15">
      <t>シャ</t>
    </rPh>
    <rPh sb="15" eb="16">
      <t>スウ</t>
    </rPh>
    <rPh sb="18" eb="20">
      <t>カイゴ</t>
    </rPh>
    <rPh sb="20" eb="21">
      <t>ダイ</t>
    </rPh>
    <rPh sb="21" eb="23">
      <t>ニゴウ</t>
    </rPh>
    <rPh sb="23" eb="27">
      <t>ヒホケンシャ</t>
    </rPh>
    <rPh sb="27" eb="28">
      <t>スウ</t>
    </rPh>
    <rPh sb="31" eb="34">
      <t>シチョウソン</t>
    </rPh>
    <rPh sb="37" eb="38">
      <t>ツキ</t>
    </rPh>
    <rPh sb="38" eb="39">
      <t>ブン</t>
    </rPh>
    <rPh sb="40" eb="42">
      <t>クミアイ</t>
    </rPh>
    <phoneticPr fontId="0"/>
  </si>
  <si>
    <t>　　区　　分</t>
    <rPh sb="2" eb="3">
      <t>ク</t>
    </rPh>
    <rPh sb="5" eb="6">
      <t>ブン</t>
    </rPh>
    <phoneticPr fontId="11"/>
  </si>
  <si>
    <t>令和元年度</t>
    <rPh sb="0" eb="2">
      <t>レイワ</t>
    </rPh>
    <rPh sb="2" eb="3">
      <t>モト</t>
    </rPh>
    <rPh sb="3" eb="5">
      <t>ネンド</t>
    </rPh>
    <phoneticPr fontId="11"/>
  </si>
  <si>
    <t>第３表　国保加入率の推移</t>
    <rPh sb="0" eb="1">
      <t>ダイ</t>
    </rPh>
    <rPh sb="2" eb="3">
      <t>ヒョウ</t>
    </rPh>
    <rPh sb="4" eb="6">
      <t>コクホ</t>
    </rPh>
    <rPh sb="6" eb="9">
      <t>カニュウリツ</t>
    </rPh>
    <rPh sb="10" eb="12">
      <t>スイイ</t>
    </rPh>
    <phoneticPr fontId="11"/>
  </si>
  <si>
    <t>Ａ（世帯）</t>
    <rPh sb="2" eb="4">
      <t>セタイ</t>
    </rPh>
    <phoneticPr fontId="11"/>
  </si>
  <si>
    <t>区     分</t>
    <rPh sb="0" eb="1">
      <t>ク</t>
    </rPh>
    <rPh sb="6" eb="7">
      <t>ブン</t>
    </rPh>
    <phoneticPr fontId="11"/>
  </si>
  <si>
    <t>平成26年度</t>
    <rPh sb="0" eb="2">
      <t>ヘイセイ</t>
    </rPh>
    <phoneticPr fontId="11"/>
  </si>
  <si>
    <t>平成27年度</t>
    <rPh sb="0" eb="2">
      <t>ヘイセイ</t>
    </rPh>
    <phoneticPr fontId="11"/>
  </si>
  <si>
    <t>平成29年度</t>
    <rPh sb="0" eb="2">
      <t>ヘイセイ</t>
    </rPh>
    <phoneticPr fontId="11"/>
  </si>
  <si>
    <t>人  口（人）</t>
    <rPh sb="0" eb="1">
      <t>ヒト</t>
    </rPh>
    <rPh sb="3" eb="4">
      <t>クチ</t>
    </rPh>
    <rPh sb="5" eb="6">
      <t>ヒト</t>
    </rPh>
    <phoneticPr fontId="11"/>
  </si>
  <si>
    <t>Ｂ（人）</t>
    <rPh sb="2" eb="3">
      <t>ヒト</t>
    </rPh>
    <phoneticPr fontId="11"/>
  </si>
  <si>
    <t>被保険者数（人）</t>
    <rPh sb="0" eb="5">
      <t>ヒ</t>
    </rPh>
    <rPh sb="6" eb="7">
      <t>ヒト</t>
    </rPh>
    <phoneticPr fontId="11"/>
  </si>
  <si>
    <t>Ｃ（人）</t>
    <rPh sb="2" eb="3">
      <t>ヒト</t>
    </rPh>
    <phoneticPr fontId="11"/>
  </si>
  <si>
    <t>Ａ÷Ｃ</t>
    <phoneticPr fontId="11"/>
  </si>
  <si>
    <t>加入率（％）</t>
    <rPh sb="0" eb="3">
      <t>カニュウリツ</t>
    </rPh>
    <phoneticPr fontId="11"/>
  </si>
  <si>
    <t>（世帯）</t>
    <phoneticPr fontId="11"/>
  </si>
  <si>
    <t>（注１）（　　）内は対前年度伸び率（％）</t>
    <rPh sb="1" eb="2">
      <t>チュウ</t>
    </rPh>
    <rPh sb="8" eb="9">
      <t>ナイ</t>
    </rPh>
    <phoneticPr fontId="11"/>
  </si>
  <si>
    <t>Ｂ÷Ｃ</t>
    <phoneticPr fontId="11"/>
  </si>
  <si>
    <t>（注２） 人口は、平成26年度までは、平成22年国勢調査、平成27年度以降は、平成27年国勢調査速</t>
    <rPh sb="1" eb="2">
      <t>チュウ</t>
    </rPh>
    <rPh sb="5" eb="7">
      <t>ジンコウ</t>
    </rPh>
    <rPh sb="9" eb="11">
      <t>ヘイセイ</t>
    </rPh>
    <rPh sb="13" eb="15">
      <t>ネンド</t>
    </rPh>
    <rPh sb="19" eb="21">
      <t>ヘイセイ</t>
    </rPh>
    <rPh sb="23" eb="24">
      <t>ネン</t>
    </rPh>
    <rPh sb="24" eb="26">
      <t>コクセイ</t>
    </rPh>
    <rPh sb="26" eb="28">
      <t>チョウサ</t>
    </rPh>
    <rPh sb="29" eb="31">
      <t>ヘイセイ</t>
    </rPh>
    <rPh sb="33" eb="35">
      <t>ネンド</t>
    </rPh>
    <rPh sb="35" eb="37">
      <t>イコウ</t>
    </rPh>
    <rPh sb="39" eb="41">
      <t>ヘイセイ</t>
    </rPh>
    <rPh sb="43" eb="44">
      <t>ネン</t>
    </rPh>
    <rPh sb="44" eb="46">
      <t>コクセイ</t>
    </rPh>
    <rPh sb="46" eb="48">
      <t>チョウサ</t>
    </rPh>
    <phoneticPr fontId="11"/>
  </si>
  <si>
    <t>（人）</t>
    <rPh sb="1" eb="2">
      <t>ヒト</t>
    </rPh>
    <phoneticPr fontId="11"/>
  </si>
  <si>
    <t>　　　 報値を基準にした推計人口</t>
    <phoneticPr fontId="1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,##0_ ;[Red]\-#,##0\ "/>
    <numFmt numFmtId="177" formatCode="#,##0;&quot;△ &quot;#,##0"/>
    <numFmt numFmtId="178" formatCode="#,##0_ "/>
    <numFmt numFmtId="182" formatCode="#,##0_);[Red]\(#,##0\)"/>
    <numFmt numFmtId="183" formatCode="\(#,##0.0\);\(\△#,##0.0\)"/>
  </numFmts>
  <fonts count="2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8"/>
      <name val="ＭＳ Ｐゴシック"/>
      <family val="3"/>
      <charset val="128"/>
    </font>
    <font>
      <u/>
      <sz val="8"/>
      <name val="ＭＳ Ｐゴシック"/>
      <family val="3"/>
      <charset val="128"/>
    </font>
    <font>
      <sz val="9"/>
      <name val="ＭＳ Ｐゴシック"/>
      <family val="3"/>
      <charset val="128"/>
    </font>
    <font>
      <sz val="8.5"/>
      <name val="ＭＳ Ｐゴシック"/>
      <family val="3"/>
      <charset val="128"/>
    </font>
    <font>
      <sz val="14"/>
      <name val="Terminal"/>
      <family val="3"/>
      <charset val="255"/>
    </font>
    <font>
      <sz val="9"/>
      <name val="ＭＳ ゴシック"/>
      <family val="3"/>
      <charset val="128"/>
    </font>
    <font>
      <sz val="8"/>
      <name val="ＭＳ ゴシック"/>
      <family val="3"/>
      <charset val="128"/>
    </font>
    <font>
      <sz val="12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ゴシック"/>
      <family val="3"/>
      <charset val="128"/>
    </font>
    <font>
      <u/>
      <sz val="10"/>
      <name val="ＭＳ Ｐゴシック"/>
      <family val="3"/>
      <charset val="128"/>
    </font>
    <font>
      <sz val="10"/>
      <name val="ＭＳ ゴシック"/>
      <family val="3"/>
      <charset val="128"/>
    </font>
    <font>
      <sz val="10"/>
      <color indexed="12"/>
      <name val="ＭＳ Ｐゴシック"/>
      <family val="3"/>
      <charset val="128"/>
    </font>
    <font>
      <sz val="11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color rgb="FFFF0000"/>
      <name val="ＭＳ ゴシック"/>
      <family val="3"/>
      <charset val="128"/>
    </font>
    <font>
      <sz val="10"/>
      <color indexed="12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89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8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8"/>
      </right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8"/>
      </right>
      <top style="thin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8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/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 diagonalDown="1">
      <left style="medium">
        <color indexed="64"/>
      </left>
      <right/>
      <top style="medium">
        <color indexed="64"/>
      </top>
      <bottom/>
      <diagonal style="thin">
        <color indexed="64"/>
      </diagonal>
    </border>
    <border diagonalDown="1">
      <left/>
      <right style="thin">
        <color indexed="64"/>
      </right>
      <top style="medium">
        <color indexed="64"/>
      </top>
      <bottom/>
      <diagonal style="thin">
        <color indexed="64"/>
      </diagonal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 diagonalDown="1">
      <left style="medium">
        <color indexed="64"/>
      </left>
      <right/>
      <top/>
      <bottom style="thin">
        <color indexed="64"/>
      </bottom>
      <diagonal style="thin">
        <color indexed="64"/>
      </diagonal>
    </border>
    <border diagonalDown="1">
      <left/>
      <right style="thin">
        <color indexed="64"/>
      </right>
      <top/>
      <bottom style="thin">
        <color indexed="64"/>
      </bottom>
      <diagonal style="thin">
        <color indexed="64"/>
      </diagonal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dotted">
        <color indexed="64"/>
      </top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</borders>
  <cellStyleXfs count="6">
    <xf numFmtId="0" fontId="0" fillId="0" borderId="0"/>
    <xf numFmtId="38" fontId="1" fillId="0" borderId="0" applyFont="0" applyFill="0" applyBorder="0" applyAlignment="0" applyProtection="0"/>
    <xf numFmtId="0" fontId="1" fillId="0" borderId="0"/>
    <xf numFmtId="37" fontId="7" fillId="0" borderId="0"/>
    <xf numFmtId="0" fontId="1" fillId="0" borderId="0"/>
    <xf numFmtId="0" fontId="1" fillId="0" borderId="0"/>
  </cellStyleXfs>
  <cellXfs count="290">
    <xf numFmtId="0" fontId="0" fillId="0" borderId="0" xfId="0"/>
    <xf numFmtId="38" fontId="3" fillId="0" borderId="0" xfId="1" applyFont="1" applyFill="1" applyBorder="1" applyAlignment="1">
      <alignment vertical="center"/>
    </xf>
    <xf numFmtId="37" fontId="8" fillId="0" borderId="28" xfId="3" applyFont="1" applyFill="1" applyBorder="1" applyAlignment="1" applyProtection="1">
      <alignment horizontal="left"/>
    </xf>
    <xf numFmtId="37" fontId="8" fillId="0" borderId="35" xfId="3" applyFont="1" applyFill="1" applyBorder="1" applyAlignment="1" applyProtection="1">
      <alignment horizontal="left"/>
    </xf>
    <xf numFmtId="37" fontId="8" fillId="0" borderId="37" xfId="3" applyFont="1" applyFill="1" applyBorder="1" applyAlignment="1" applyProtection="1">
      <alignment horizontal="left"/>
    </xf>
    <xf numFmtId="37" fontId="8" fillId="0" borderId="40" xfId="3" applyFont="1" applyFill="1" applyBorder="1" applyAlignment="1" applyProtection="1">
      <alignment horizontal="left"/>
    </xf>
    <xf numFmtId="176" fontId="6" fillId="0" borderId="29" xfId="1" applyNumberFormat="1" applyFont="1" applyFill="1" applyBorder="1" applyAlignment="1" applyProtection="1"/>
    <xf numFmtId="176" fontId="6" fillId="0" borderId="32" xfId="1" applyNumberFormat="1" applyFont="1" applyFill="1" applyBorder="1" applyAlignment="1" applyProtection="1"/>
    <xf numFmtId="176" fontId="6" fillId="0" borderId="25" xfId="1" applyNumberFormat="1" applyFont="1" applyFill="1" applyBorder="1" applyAlignment="1" applyProtection="1"/>
    <xf numFmtId="0" fontId="17" fillId="0" borderId="0" xfId="0" applyFont="1" applyFill="1" applyAlignment="1">
      <alignment vertical="center"/>
    </xf>
    <xf numFmtId="0" fontId="14" fillId="0" borderId="75" xfId="0" applyFont="1" applyFill="1" applyBorder="1" applyAlignment="1">
      <alignment horizontal="left" vertical="center" justifyLastLine="1"/>
    </xf>
    <xf numFmtId="183" fontId="14" fillId="0" borderId="31" xfId="0" applyNumberFormat="1" applyFont="1" applyFill="1" applyBorder="1" applyAlignment="1">
      <alignment horizontal="right" vertical="center"/>
    </xf>
    <xf numFmtId="183" fontId="14" fillId="0" borderId="34" xfId="0" applyNumberFormat="1" applyFont="1" applyFill="1" applyBorder="1" applyAlignment="1">
      <alignment horizontal="right" vertical="center"/>
    </xf>
    <xf numFmtId="183" fontId="14" fillId="0" borderId="33" xfId="0" applyNumberFormat="1" applyFont="1" applyFill="1" applyBorder="1" applyAlignment="1">
      <alignment horizontal="right" vertical="center"/>
    </xf>
    <xf numFmtId="178" fontId="14" fillId="0" borderId="13" xfId="0" applyNumberFormat="1" applyFont="1" applyFill="1" applyBorder="1" applyAlignment="1">
      <alignment horizontal="right" vertical="center"/>
    </xf>
    <xf numFmtId="178" fontId="14" fillId="0" borderId="14" xfId="0" applyNumberFormat="1" applyFont="1" applyFill="1" applyBorder="1" applyAlignment="1">
      <alignment horizontal="right" vertical="center"/>
    </xf>
    <xf numFmtId="178" fontId="14" fillId="0" borderId="57" xfId="0" applyNumberFormat="1" applyFont="1" applyFill="1" applyBorder="1" applyAlignment="1">
      <alignment horizontal="right" vertical="center"/>
    </xf>
    <xf numFmtId="178" fontId="14" fillId="0" borderId="36" xfId="0" applyNumberFormat="1" applyFont="1" applyFill="1" applyBorder="1" applyAlignment="1">
      <alignment horizontal="right" vertical="center"/>
    </xf>
    <xf numFmtId="178" fontId="14" fillId="0" borderId="12" xfId="0" applyNumberFormat="1" applyFont="1" applyFill="1" applyBorder="1" applyAlignment="1">
      <alignment horizontal="right" vertical="center"/>
    </xf>
    <xf numFmtId="176" fontId="14" fillId="0" borderId="13" xfId="0" applyNumberFormat="1" applyFont="1" applyFill="1" applyBorder="1" applyAlignment="1">
      <alignment horizontal="right" vertical="center"/>
    </xf>
    <xf numFmtId="176" fontId="14" fillId="0" borderId="57" xfId="0" applyNumberFormat="1" applyFont="1" applyFill="1" applyBorder="1" applyAlignment="1">
      <alignment horizontal="right" vertical="center"/>
    </xf>
    <xf numFmtId="176" fontId="14" fillId="0" borderId="36" xfId="0" applyNumberFormat="1" applyFont="1" applyFill="1" applyBorder="1" applyAlignment="1">
      <alignment horizontal="right" vertical="center"/>
    </xf>
    <xf numFmtId="176" fontId="14" fillId="0" borderId="12" xfId="0" applyNumberFormat="1" applyFont="1" applyFill="1" applyBorder="1" applyAlignment="1">
      <alignment horizontal="right" vertical="center"/>
    </xf>
    <xf numFmtId="0" fontId="14" fillId="0" borderId="11" xfId="0" applyFont="1" applyFill="1" applyBorder="1" applyAlignment="1">
      <alignment horizontal="left" vertical="center" justifyLastLine="1"/>
    </xf>
    <xf numFmtId="0" fontId="14" fillId="0" borderId="12" xfId="0" applyFont="1" applyFill="1" applyBorder="1" applyAlignment="1">
      <alignment vertical="center"/>
    </xf>
    <xf numFmtId="176" fontId="14" fillId="0" borderId="13" xfId="1" applyNumberFormat="1" applyFont="1" applyFill="1" applyBorder="1" applyAlignment="1" applyProtection="1">
      <alignment vertical="center"/>
    </xf>
    <xf numFmtId="176" fontId="14" fillId="0" borderId="13" xfId="1" applyNumberFormat="1" applyFont="1" applyFill="1" applyBorder="1" applyAlignment="1">
      <alignment horizontal="right" vertical="center"/>
    </xf>
    <xf numFmtId="176" fontId="14" fillId="0" borderId="57" xfId="1" applyNumberFormat="1" applyFont="1" applyFill="1" applyBorder="1" applyAlignment="1">
      <alignment horizontal="right" vertical="center"/>
    </xf>
    <xf numFmtId="176" fontId="14" fillId="0" borderId="36" xfId="1" applyNumberFormat="1" applyFont="1" applyFill="1" applyBorder="1" applyAlignment="1">
      <alignment vertical="center"/>
    </xf>
    <xf numFmtId="176" fontId="14" fillId="0" borderId="12" xfId="1" applyNumberFormat="1" applyFont="1" applyFill="1" applyBorder="1" applyAlignment="1">
      <alignment vertical="center"/>
    </xf>
    <xf numFmtId="182" fontId="14" fillId="0" borderId="12" xfId="0" applyNumberFormat="1" applyFont="1" applyFill="1" applyBorder="1" applyAlignment="1">
      <alignment vertical="center"/>
    </xf>
    <xf numFmtId="182" fontId="14" fillId="0" borderId="13" xfId="0" applyNumberFormat="1" applyFont="1" applyFill="1" applyBorder="1" applyAlignment="1">
      <alignment vertical="center"/>
    </xf>
    <xf numFmtId="182" fontId="14" fillId="0" borderId="57" xfId="0" applyNumberFormat="1" applyFont="1" applyFill="1" applyBorder="1" applyAlignment="1">
      <alignment vertical="center"/>
    </xf>
    <xf numFmtId="178" fontId="14" fillId="0" borderId="13" xfId="0" applyNumberFormat="1" applyFont="1" applyFill="1" applyBorder="1" applyAlignment="1">
      <alignment vertical="center"/>
    </xf>
    <xf numFmtId="178" fontId="14" fillId="0" borderId="0" xfId="0" applyNumberFormat="1" applyFont="1" applyFill="1" applyBorder="1" applyAlignment="1">
      <alignment vertical="center"/>
    </xf>
    <xf numFmtId="178" fontId="14" fillId="0" borderId="31" xfId="0" applyNumberFormat="1" applyFont="1" applyFill="1" applyBorder="1" applyAlignment="1">
      <alignment vertical="center"/>
    </xf>
    <xf numFmtId="178" fontId="14" fillId="0" borderId="16" xfId="0" applyNumberFormat="1" applyFont="1" applyFill="1" applyBorder="1" applyAlignment="1">
      <alignment vertical="center"/>
    </xf>
    <xf numFmtId="176" fontId="14" fillId="0" borderId="13" xfId="1" applyNumberFormat="1" applyFont="1" applyFill="1" applyBorder="1" applyAlignment="1">
      <alignment vertical="center"/>
    </xf>
    <xf numFmtId="176" fontId="14" fillId="0" borderId="0" xfId="1" applyNumberFormat="1" applyFont="1" applyFill="1" applyBorder="1" applyAlignment="1">
      <alignment vertical="center"/>
    </xf>
    <xf numFmtId="176" fontId="14" fillId="0" borderId="41" xfId="1" applyNumberFormat="1" applyFont="1" applyFill="1" applyBorder="1" applyAlignment="1">
      <alignment vertical="center"/>
    </xf>
    <xf numFmtId="176" fontId="14" fillId="0" borderId="56" xfId="1" applyNumberFormat="1" applyFont="1" applyFill="1" applyBorder="1" applyAlignment="1">
      <alignment vertical="center"/>
    </xf>
    <xf numFmtId="2" fontId="14" fillId="0" borderId="85" xfId="0" applyNumberFormat="1" applyFont="1" applyFill="1" applyBorder="1" applyAlignment="1">
      <alignment horizontal="right" vertical="center"/>
    </xf>
    <xf numFmtId="2" fontId="14" fillId="0" borderId="86" xfId="0" applyNumberFormat="1" applyFont="1" applyFill="1" applyBorder="1" applyAlignment="1">
      <alignment horizontal="right" vertical="center"/>
    </xf>
    <xf numFmtId="2" fontId="14" fillId="0" borderId="87" xfId="0" applyNumberFormat="1" applyFont="1" applyFill="1" applyBorder="1" applyAlignment="1">
      <alignment horizontal="right" vertical="center"/>
    </xf>
    <xf numFmtId="0" fontId="16" fillId="0" borderId="27" xfId="0" applyFont="1" applyFill="1" applyBorder="1" applyAlignment="1">
      <alignment horizontal="right" vertical="center"/>
    </xf>
    <xf numFmtId="178" fontId="14" fillId="0" borderId="47" xfId="0" applyNumberFormat="1" applyFont="1" applyFill="1" applyBorder="1" applyAlignment="1">
      <alignment vertical="center"/>
    </xf>
    <xf numFmtId="178" fontId="14" fillId="0" borderId="88" xfId="0" applyNumberFormat="1" applyFont="1" applyFill="1" applyBorder="1" applyAlignment="1">
      <alignment vertical="center"/>
    </xf>
    <xf numFmtId="0" fontId="16" fillId="0" borderId="0" xfId="0" applyFont="1" applyFill="1" applyAlignment="1">
      <alignment vertical="center"/>
    </xf>
    <xf numFmtId="178" fontId="16" fillId="0" borderId="0" xfId="0" applyNumberFormat="1" applyFont="1" applyFill="1" applyAlignment="1">
      <alignment vertical="center"/>
    </xf>
    <xf numFmtId="0" fontId="18" fillId="0" borderId="0" xfId="0" applyFont="1" applyFill="1" applyAlignment="1">
      <alignment horizontal="right" vertical="center"/>
    </xf>
    <xf numFmtId="0" fontId="14" fillId="0" borderId="0" xfId="0" applyFont="1" applyFill="1" applyAlignment="1">
      <alignment vertical="center"/>
    </xf>
    <xf numFmtId="0" fontId="16" fillId="0" borderId="0" xfId="0" quotePrefix="1" applyFont="1" applyFill="1" applyAlignment="1">
      <alignment vertical="center"/>
    </xf>
    <xf numFmtId="0" fontId="14" fillId="0" borderId="32" xfId="0" applyFont="1" applyFill="1" applyBorder="1" applyAlignment="1">
      <alignment horizontal="distributed" vertical="center" justifyLastLine="1"/>
    </xf>
    <xf numFmtId="0" fontId="14" fillId="0" borderId="32" xfId="0" applyFont="1" applyFill="1" applyBorder="1" applyAlignment="1">
      <alignment horizontal="center" vertical="center"/>
    </xf>
    <xf numFmtId="0" fontId="14" fillId="0" borderId="20" xfId="0" applyFont="1" applyFill="1" applyBorder="1" applyAlignment="1">
      <alignment horizontal="center" vertical="center"/>
    </xf>
    <xf numFmtId="0" fontId="14" fillId="0" borderId="19" xfId="0" applyFont="1" applyFill="1" applyBorder="1" applyAlignment="1">
      <alignment horizontal="distributed" vertical="center" justifyLastLine="1"/>
    </xf>
    <xf numFmtId="0" fontId="14" fillId="0" borderId="72" xfId="0" applyFont="1" applyFill="1" applyBorder="1" applyAlignment="1">
      <alignment horizontal="distributed" vertical="center" justifyLastLine="1"/>
    </xf>
    <xf numFmtId="0" fontId="14" fillId="0" borderId="72" xfId="0" applyFont="1" applyFill="1" applyBorder="1" applyAlignment="1">
      <alignment horizontal="center" vertical="center"/>
    </xf>
    <xf numFmtId="0" fontId="14" fillId="0" borderId="73" xfId="0" applyFont="1" applyFill="1" applyBorder="1" applyAlignment="1">
      <alignment horizontal="distributed" vertical="center" justifyLastLine="1"/>
    </xf>
    <xf numFmtId="178" fontId="14" fillId="0" borderId="57" xfId="0" applyNumberFormat="1" applyFont="1" applyFill="1" applyBorder="1" applyAlignment="1">
      <alignment vertical="center"/>
    </xf>
    <xf numFmtId="0" fontId="14" fillId="0" borderId="11" xfId="0" applyFont="1" applyFill="1" applyBorder="1" applyAlignment="1">
      <alignment vertical="center"/>
    </xf>
    <xf numFmtId="0" fontId="19" fillId="0" borderId="0" xfId="0" applyFont="1" applyFill="1" applyAlignment="1">
      <alignment vertical="center"/>
    </xf>
    <xf numFmtId="182" fontId="14" fillId="0" borderId="13" xfId="0" applyNumberFormat="1" applyFont="1" applyFill="1" applyBorder="1" applyAlignment="1">
      <alignment horizontal="right" vertical="center"/>
    </xf>
    <xf numFmtId="182" fontId="14" fillId="0" borderId="12" xfId="0" applyNumberFormat="1" applyFont="1" applyFill="1" applyBorder="1" applyAlignment="1">
      <alignment horizontal="right" vertical="center"/>
    </xf>
    <xf numFmtId="182" fontId="14" fillId="0" borderId="76" xfId="0" applyNumberFormat="1" applyFont="1" applyFill="1" applyBorder="1" applyAlignment="1">
      <alignment horizontal="right" vertical="center"/>
    </xf>
    <xf numFmtId="182" fontId="14" fillId="0" borderId="77" xfId="0" applyNumberFormat="1" applyFont="1" applyFill="1" applyBorder="1" applyAlignment="1">
      <alignment horizontal="right" vertical="center"/>
    </xf>
    <xf numFmtId="0" fontId="14" fillId="0" borderId="51" xfId="0" applyFont="1" applyFill="1" applyBorder="1" applyAlignment="1">
      <alignment horizontal="left" vertical="center"/>
    </xf>
    <xf numFmtId="0" fontId="14" fillId="0" borderId="17" xfId="0" applyFont="1" applyFill="1" applyBorder="1" applyAlignment="1">
      <alignment vertical="center"/>
    </xf>
    <xf numFmtId="182" fontId="14" fillId="0" borderId="17" xfId="0" applyNumberFormat="1" applyFont="1" applyFill="1" applyBorder="1" applyAlignment="1">
      <alignment vertical="center"/>
    </xf>
    <xf numFmtId="182" fontId="14" fillId="0" borderId="31" xfId="0" applyNumberFormat="1" applyFont="1" applyFill="1" applyBorder="1" applyAlignment="1">
      <alignment vertical="center"/>
    </xf>
    <xf numFmtId="182" fontId="14" fillId="0" borderId="34" xfId="0" applyNumberFormat="1" applyFont="1" applyFill="1" applyBorder="1" applyAlignment="1">
      <alignment vertical="center"/>
    </xf>
    <xf numFmtId="0" fontId="14" fillId="0" borderId="11" xfId="0" applyFont="1" applyFill="1" applyBorder="1" applyAlignment="1">
      <alignment horizontal="left" vertical="center"/>
    </xf>
    <xf numFmtId="0" fontId="14" fillId="0" borderId="31" xfId="0" applyFont="1" applyFill="1" applyBorder="1" applyAlignment="1">
      <alignment vertical="center"/>
    </xf>
    <xf numFmtId="0" fontId="14" fillId="0" borderId="34" xfId="0" applyFont="1" applyFill="1" applyBorder="1" applyAlignment="1">
      <alignment vertical="center"/>
    </xf>
    <xf numFmtId="178" fontId="14" fillId="0" borderId="51" xfId="0" applyNumberFormat="1" applyFont="1" applyFill="1" applyBorder="1" applyAlignment="1">
      <alignment horizontal="left" vertical="center"/>
    </xf>
    <xf numFmtId="178" fontId="14" fillId="0" borderId="11" xfId="0" applyNumberFormat="1" applyFont="1" applyFill="1" applyBorder="1" applyAlignment="1">
      <alignment horizontal="left" vertical="center"/>
    </xf>
    <xf numFmtId="178" fontId="14" fillId="0" borderId="51" xfId="0" applyNumberFormat="1" applyFont="1" applyFill="1" applyBorder="1" applyAlignment="1">
      <alignment vertical="center"/>
    </xf>
    <xf numFmtId="0" fontId="14" fillId="0" borderId="16" xfId="0" applyFont="1" applyFill="1" applyBorder="1" applyAlignment="1">
      <alignment vertical="center"/>
    </xf>
    <xf numFmtId="0" fontId="14" fillId="0" borderId="18" xfId="0" applyFont="1" applyFill="1" applyBorder="1" applyAlignment="1">
      <alignment vertical="center"/>
    </xf>
    <xf numFmtId="0" fontId="5" fillId="0" borderId="11" xfId="0" applyFont="1" applyFill="1" applyBorder="1" applyAlignment="1">
      <alignment horizontal="left" vertical="center"/>
    </xf>
    <xf numFmtId="0" fontId="5" fillId="0" borderId="12" xfId="0" applyFont="1" applyFill="1" applyBorder="1" applyAlignment="1">
      <alignment horizontal="center" vertical="center" wrapText="1"/>
    </xf>
    <xf numFmtId="178" fontId="14" fillId="0" borderId="36" xfId="0" applyNumberFormat="1" applyFont="1" applyFill="1" applyBorder="1" applyAlignment="1">
      <alignment vertical="center"/>
    </xf>
    <xf numFmtId="178" fontId="14" fillId="0" borderId="12" xfId="0" applyNumberFormat="1" applyFont="1" applyFill="1" applyBorder="1" applyAlignment="1">
      <alignment vertical="center"/>
    </xf>
    <xf numFmtId="178" fontId="14" fillId="0" borderId="56" xfId="0" applyNumberFormat="1" applyFont="1" applyFill="1" applyBorder="1" applyAlignment="1">
      <alignment vertical="center"/>
    </xf>
    <xf numFmtId="178" fontId="14" fillId="0" borderId="78" xfId="0" applyNumberFormat="1" applyFont="1" applyFill="1" applyBorder="1" applyAlignment="1">
      <alignment vertical="center"/>
    </xf>
    <xf numFmtId="0" fontId="5" fillId="0" borderId="12" xfId="0" applyFont="1" applyFill="1" applyBorder="1" applyAlignment="1">
      <alignment horizontal="center" vertical="center"/>
    </xf>
    <xf numFmtId="0" fontId="5" fillId="0" borderId="64" xfId="0" applyFont="1" applyFill="1" applyBorder="1" applyAlignment="1">
      <alignment horizontal="left" vertical="center"/>
    </xf>
    <xf numFmtId="0" fontId="5" fillId="0" borderId="79" xfId="0" applyFont="1" applyFill="1" applyBorder="1" applyAlignment="1">
      <alignment horizontal="center" vertical="center"/>
    </xf>
    <xf numFmtId="178" fontId="14" fillId="0" borderId="48" xfId="0" applyNumberFormat="1" applyFont="1" applyFill="1" applyBorder="1" applyAlignment="1">
      <alignment vertical="center"/>
    </xf>
    <xf numFmtId="178" fontId="14" fillId="0" borderId="49" xfId="0" applyNumberFormat="1" applyFont="1" applyFill="1" applyBorder="1" applyAlignment="1">
      <alignment vertical="center"/>
    </xf>
    <xf numFmtId="178" fontId="14" fillId="0" borderId="79" xfId="0" applyNumberFormat="1" applyFont="1" applyFill="1" applyBorder="1" applyAlignment="1">
      <alignment vertical="center"/>
    </xf>
    <xf numFmtId="178" fontId="14" fillId="0" borderId="63" xfId="0" applyNumberFormat="1" applyFont="1" applyFill="1" applyBorder="1" applyAlignment="1">
      <alignment vertical="center"/>
    </xf>
    <xf numFmtId="0" fontId="14" fillId="0" borderId="0" xfId="0" applyFont="1" applyFill="1" applyBorder="1" applyAlignment="1">
      <alignment vertical="center"/>
    </xf>
    <xf numFmtId="178" fontId="14" fillId="0" borderId="0" xfId="0" applyNumberFormat="1" applyFont="1" applyFill="1" applyBorder="1" applyAlignment="1">
      <alignment horizontal="right" vertical="center"/>
    </xf>
    <xf numFmtId="38" fontId="14" fillId="0" borderId="0" xfId="1" applyFont="1" applyFill="1" applyAlignment="1" applyProtection="1">
      <alignment horizontal="left" vertical="center"/>
    </xf>
    <xf numFmtId="0" fontId="14" fillId="0" borderId="69" xfId="0" applyFont="1" applyFill="1" applyBorder="1" applyAlignment="1">
      <alignment vertical="center"/>
    </xf>
    <xf numFmtId="0" fontId="14" fillId="0" borderId="4" xfId="0" applyFont="1" applyFill="1" applyBorder="1" applyAlignment="1">
      <alignment horizontal="center" vertical="center"/>
    </xf>
    <xf numFmtId="0" fontId="14" fillId="0" borderId="80" xfId="0" applyFont="1" applyFill="1" applyBorder="1" applyAlignment="1">
      <alignment horizontal="center" vertical="center"/>
    </xf>
    <xf numFmtId="0" fontId="14" fillId="0" borderId="6" xfId="0" applyFont="1" applyFill="1" applyBorder="1" applyAlignment="1">
      <alignment horizontal="center" vertical="center"/>
    </xf>
    <xf numFmtId="0" fontId="14" fillId="0" borderId="10" xfId="0" applyFont="1" applyFill="1" applyBorder="1" applyAlignment="1">
      <alignment horizontal="center" vertical="center"/>
    </xf>
    <xf numFmtId="0" fontId="14" fillId="0" borderId="51" xfId="0" applyFont="1" applyFill="1" applyBorder="1" applyAlignment="1">
      <alignment vertical="center"/>
    </xf>
    <xf numFmtId="178" fontId="14" fillId="0" borderId="15" xfId="0" applyNumberFormat="1" applyFont="1" applyFill="1" applyBorder="1" applyAlignment="1">
      <alignment vertical="center"/>
    </xf>
    <xf numFmtId="178" fontId="14" fillId="0" borderId="34" xfId="0" applyNumberFormat="1" applyFont="1" applyFill="1" applyBorder="1" applyAlignment="1">
      <alignment vertical="center"/>
    </xf>
    <xf numFmtId="176" fontId="14" fillId="0" borderId="82" xfId="1" applyNumberFormat="1" applyFont="1" applyFill="1" applyBorder="1" applyAlignment="1">
      <alignment vertical="center"/>
    </xf>
    <xf numFmtId="176" fontId="14" fillId="0" borderId="14" xfId="1" applyNumberFormat="1" applyFont="1" applyFill="1" applyBorder="1" applyAlignment="1">
      <alignment vertical="center"/>
    </xf>
    <xf numFmtId="0" fontId="16" fillId="0" borderId="18" xfId="0" applyFont="1" applyFill="1" applyBorder="1" applyAlignment="1">
      <alignment vertical="center"/>
    </xf>
    <xf numFmtId="0" fontId="14" fillId="0" borderId="51" xfId="0" applyFont="1" applyFill="1" applyBorder="1" applyAlignment="1">
      <alignment horizontal="center" vertical="center"/>
    </xf>
    <xf numFmtId="0" fontId="14" fillId="0" borderId="17" xfId="0" applyFont="1" applyFill="1" applyBorder="1" applyAlignment="1">
      <alignment horizontal="center" vertical="center"/>
    </xf>
    <xf numFmtId="38" fontId="14" fillId="0" borderId="11" xfId="1" applyFont="1" applyFill="1" applyBorder="1" applyAlignment="1">
      <alignment vertical="center"/>
    </xf>
    <xf numFmtId="0" fontId="14" fillId="0" borderId="64" xfId="0" applyFont="1" applyFill="1" applyBorder="1" applyAlignment="1">
      <alignment vertical="top"/>
    </xf>
    <xf numFmtId="0" fontId="1" fillId="0" borderId="0" xfId="2" applyFont="1" applyFill="1" applyBorder="1" applyAlignment="1" applyProtection="1">
      <alignment horizontal="left" vertical="center"/>
    </xf>
    <xf numFmtId="0" fontId="3" fillId="0" borderId="0" xfId="2" applyFont="1" applyFill="1" applyBorder="1" applyAlignment="1">
      <alignment vertical="center"/>
    </xf>
    <xf numFmtId="0" fontId="3" fillId="0" borderId="0" xfId="2" applyFont="1" applyFill="1" applyBorder="1" applyAlignment="1" applyProtection="1">
      <alignment horizontal="center" vertical="center"/>
    </xf>
    <xf numFmtId="0" fontId="3" fillId="0" borderId="0" xfId="2" applyFont="1" applyFill="1" applyAlignment="1">
      <alignment vertical="center"/>
    </xf>
    <xf numFmtId="38" fontId="3" fillId="0" borderId="0" xfId="1" applyFont="1" applyFill="1" applyBorder="1" applyAlignment="1" applyProtection="1">
      <alignment horizontal="left" vertical="center"/>
    </xf>
    <xf numFmtId="38" fontId="4" fillId="0" borderId="0" xfId="1" applyFont="1" applyFill="1" applyBorder="1" applyAlignment="1" applyProtection="1">
      <alignment vertical="center"/>
    </xf>
    <xf numFmtId="0" fontId="5" fillId="0" borderId="1" xfId="2" applyFont="1" applyFill="1" applyBorder="1" applyAlignment="1">
      <alignment vertical="center"/>
    </xf>
    <xf numFmtId="0" fontId="5" fillId="0" borderId="2" xfId="2" applyFont="1" applyFill="1" applyBorder="1" applyAlignment="1">
      <alignment vertical="center"/>
    </xf>
    <xf numFmtId="38" fontId="6" fillId="0" borderId="15" xfId="1" applyFont="1" applyFill="1" applyBorder="1" applyAlignment="1" applyProtection="1">
      <alignment horizontal="centerContinuous" shrinkToFit="1"/>
    </xf>
    <xf numFmtId="38" fontId="6" fillId="0" borderId="16" xfId="1" applyFont="1" applyFill="1" applyBorder="1" applyAlignment="1">
      <alignment horizontal="centerContinuous" shrinkToFit="1"/>
    </xf>
    <xf numFmtId="38" fontId="6" fillId="0" borderId="17" xfId="1" applyFont="1" applyFill="1" applyBorder="1" applyAlignment="1">
      <alignment horizontal="centerContinuous" shrinkToFit="1"/>
    </xf>
    <xf numFmtId="38" fontId="6" fillId="0" borderId="15" xfId="1" applyFont="1" applyFill="1" applyBorder="1" applyAlignment="1" applyProtection="1">
      <alignment horizontal="centerContinuous" vertical="center" shrinkToFit="1"/>
    </xf>
    <xf numFmtId="38" fontId="6" fillId="0" borderId="16" xfId="1" applyFont="1" applyFill="1" applyBorder="1" applyAlignment="1">
      <alignment horizontal="centerContinuous" vertical="center" shrinkToFit="1"/>
    </xf>
    <xf numFmtId="38" fontId="6" fillId="0" borderId="17" xfId="1" applyFont="1" applyFill="1" applyBorder="1" applyAlignment="1">
      <alignment horizontal="centerContinuous" vertical="center" shrinkToFit="1"/>
    </xf>
    <xf numFmtId="0" fontId="5" fillId="0" borderId="21" xfId="2" applyFont="1" applyFill="1" applyBorder="1" applyAlignment="1">
      <alignment vertical="center"/>
    </xf>
    <xf numFmtId="0" fontId="5" fillId="0" borderId="22" xfId="2" applyFont="1" applyFill="1" applyBorder="1" applyAlignment="1">
      <alignment vertical="center"/>
    </xf>
    <xf numFmtId="38" fontId="6" fillId="0" borderId="24" xfId="1" applyFont="1" applyFill="1" applyBorder="1" applyAlignment="1" applyProtection="1">
      <alignment horizontal="center" vertical="center" shrinkToFit="1"/>
    </xf>
    <xf numFmtId="38" fontId="6" fillId="0" borderId="23" xfId="1" applyFont="1" applyFill="1" applyBorder="1" applyAlignment="1" applyProtection="1">
      <alignment horizontal="center" vertical="center" shrinkToFit="1"/>
    </xf>
    <xf numFmtId="38" fontId="6" fillId="0" borderId="25" xfId="1" applyFont="1" applyFill="1" applyBorder="1" applyAlignment="1" applyProtection="1">
      <alignment horizontal="center" vertical="center" shrinkToFit="1"/>
    </xf>
    <xf numFmtId="38" fontId="6" fillId="0" borderId="26" xfId="1" applyFont="1" applyFill="1" applyBorder="1" applyAlignment="1" applyProtection="1">
      <alignment horizontal="center" vertical="center" shrinkToFit="1"/>
    </xf>
    <xf numFmtId="0" fontId="5" fillId="0" borderId="11" xfId="0" applyFont="1" applyFill="1" applyBorder="1" applyAlignment="1" applyProtection="1"/>
    <xf numFmtId="49" fontId="9" fillId="0" borderId="29" xfId="2" applyNumberFormat="1" applyFont="1" applyFill="1" applyBorder="1" applyAlignment="1" applyProtection="1">
      <alignment horizontal="center"/>
    </xf>
    <xf numFmtId="176" fontId="6" fillId="0" borderId="29" xfId="0" applyNumberFormat="1" applyFont="1" applyFill="1" applyBorder="1" applyAlignment="1">
      <alignment vertical="center"/>
    </xf>
    <xf numFmtId="176" fontId="6" fillId="0" borderId="30" xfId="0" applyNumberFormat="1" applyFont="1" applyFill="1" applyBorder="1" applyAlignment="1">
      <alignment vertical="center"/>
    </xf>
    <xf numFmtId="49" fontId="9" fillId="0" borderId="31" xfId="2" applyNumberFormat="1" applyFont="1" applyFill="1" applyBorder="1" applyAlignment="1" applyProtection="1">
      <alignment horizontal="center"/>
    </xf>
    <xf numFmtId="176" fontId="6" fillId="0" borderId="32" xfId="0" applyNumberFormat="1" applyFont="1" applyFill="1" applyBorder="1" applyAlignment="1">
      <alignment vertical="center"/>
    </xf>
    <xf numFmtId="176" fontId="6" fillId="0" borderId="20" xfId="0" applyNumberFormat="1" applyFont="1" applyFill="1" applyBorder="1" applyAlignment="1">
      <alignment vertical="center"/>
    </xf>
    <xf numFmtId="49" fontId="9" fillId="0" borderId="13" xfId="2" applyNumberFormat="1" applyFont="1" applyFill="1" applyBorder="1" applyAlignment="1" applyProtection="1">
      <alignment horizontal="center"/>
    </xf>
    <xf numFmtId="0" fontId="5" fillId="0" borderId="36" xfId="0" applyFont="1" applyFill="1" applyBorder="1" applyAlignment="1" applyProtection="1"/>
    <xf numFmtId="49" fontId="9" fillId="0" borderId="38" xfId="2" applyNumberFormat="1" applyFont="1" applyFill="1" applyBorder="1" applyAlignment="1" applyProtection="1">
      <alignment horizontal="center"/>
    </xf>
    <xf numFmtId="0" fontId="5" fillId="0" borderId="21" xfId="0" applyFont="1" applyFill="1" applyBorder="1" applyAlignment="1" applyProtection="1"/>
    <xf numFmtId="49" fontId="9" fillId="0" borderId="23" xfId="2" applyNumberFormat="1" applyFont="1" applyFill="1" applyBorder="1" applyAlignment="1" applyProtection="1">
      <alignment horizontal="center"/>
    </xf>
    <xf numFmtId="176" fontId="6" fillId="0" borderId="25" xfId="0" applyNumberFormat="1" applyFont="1" applyFill="1" applyBorder="1" applyAlignment="1">
      <alignment vertical="center"/>
    </xf>
    <xf numFmtId="176" fontId="6" fillId="0" borderId="39" xfId="0" applyNumberFormat="1" applyFont="1" applyFill="1" applyBorder="1" applyAlignment="1">
      <alignment vertical="center"/>
    </xf>
    <xf numFmtId="38" fontId="6" fillId="0" borderId="23" xfId="1" applyFont="1" applyFill="1" applyBorder="1" applyAlignment="1" applyProtection="1"/>
    <xf numFmtId="38" fontId="6" fillId="0" borderId="26" xfId="1" applyFont="1" applyFill="1" applyBorder="1" applyAlignment="1" applyProtection="1"/>
    <xf numFmtId="38" fontId="5" fillId="0" borderId="29" xfId="1" applyFont="1" applyFill="1" applyBorder="1" applyAlignment="1" applyProtection="1">
      <alignment horizontal="left"/>
    </xf>
    <xf numFmtId="38" fontId="5" fillId="0" borderId="31" xfId="1" applyFont="1" applyFill="1" applyBorder="1" applyAlignment="1" applyProtection="1">
      <alignment horizontal="left"/>
    </xf>
    <xf numFmtId="38" fontId="5" fillId="0" borderId="23" xfId="1" applyFont="1" applyFill="1" applyBorder="1" applyAlignment="1" applyProtection="1">
      <alignment horizontal="left"/>
    </xf>
    <xf numFmtId="58" fontId="9" fillId="0" borderId="23" xfId="2" applyNumberFormat="1" applyFont="1" applyFill="1" applyBorder="1" applyAlignment="1" applyProtection="1">
      <alignment horizontal="center"/>
    </xf>
    <xf numFmtId="58" fontId="9" fillId="0" borderId="47" xfId="2" applyNumberFormat="1" applyFont="1" applyFill="1" applyBorder="1" applyAlignment="1" applyProtection="1">
      <alignment horizontal="center"/>
    </xf>
    <xf numFmtId="38" fontId="6" fillId="0" borderId="47" xfId="1" applyFont="1" applyFill="1" applyBorder="1" applyAlignment="1" applyProtection="1"/>
    <xf numFmtId="38" fontId="6" fillId="0" borderId="48" xfId="1" applyFont="1" applyFill="1" applyBorder="1" applyAlignment="1" applyProtection="1"/>
    <xf numFmtId="38" fontId="5" fillId="0" borderId="0" xfId="1" applyFont="1" applyFill="1" applyAlignment="1" applyProtection="1">
      <alignment horizontal="left" vertical="center"/>
    </xf>
    <xf numFmtId="0" fontId="5" fillId="0" borderId="0" xfId="2" applyFont="1" applyFill="1" applyAlignment="1">
      <alignment vertical="center"/>
    </xf>
    <xf numFmtId="38" fontId="3" fillId="0" borderId="0" xfId="1" applyFont="1" applyFill="1" applyAlignment="1" applyProtection="1">
      <alignment horizontal="center"/>
    </xf>
    <xf numFmtId="38" fontId="3" fillId="0" borderId="0" xfId="1" applyFont="1" applyFill="1" applyAlignment="1"/>
    <xf numFmtId="38" fontId="3" fillId="0" borderId="0" xfId="1" applyFont="1" applyFill="1" applyAlignment="1" applyProtection="1">
      <alignment horizontal="left"/>
    </xf>
    <xf numFmtId="0" fontId="3" fillId="0" borderId="0" xfId="2" applyFont="1" applyFill="1" applyAlignment="1"/>
    <xf numFmtId="38" fontId="3" fillId="0" borderId="0" xfId="1" applyFont="1" applyFill="1" applyAlignment="1" applyProtection="1"/>
    <xf numFmtId="0" fontId="3" fillId="0" borderId="0" xfId="2" applyFont="1" applyFill="1" applyAlignment="1">
      <alignment horizontal="center"/>
    </xf>
    <xf numFmtId="0" fontId="3" fillId="0" borderId="0" xfId="2" applyFont="1" applyFill="1"/>
    <xf numFmtId="38" fontId="3" fillId="0" borderId="0" xfId="1" applyFont="1" applyFill="1"/>
    <xf numFmtId="0" fontId="10" fillId="0" borderId="0" xfId="5" applyFont="1" applyFill="1" applyBorder="1" applyAlignment="1" applyProtection="1">
      <alignment horizontal="left" vertical="center"/>
    </xf>
    <xf numFmtId="0" fontId="12" fillId="0" borderId="0" xfId="5" applyFont="1" applyFill="1" applyBorder="1" applyAlignment="1" applyProtection="1">
      <alignment horizontal="left" vertical="center"/>
    </xf>
    <xf numFmtId="38" fontId="12" fillId="0" borderId="0" xfId="1" applyFont="1" applyFill="1" applyBorder="1" applyAlignment="1" applyProtection="1">
      <alignment horizontal="left" vertical="center"/>
    </xf>
    <xf numFmtId="0" fontId="12" fillId="0" borderId="0" xfId="5" applyFont="1" applyFill="1" applyAlignment="1">
      <alignment vertical="center"/>
    </xf>
    <xf numFmtId="38" fontId="13" fillId="0" borderId="0" xfId="1" applyFont="1" applyFill="1" applyBorder="1" applyAlignment="1" applyProtection="1">
      <alignment vertical="center"/>
    </xf>
    <xf numFmtId="38" fontId="12" fillId="0" borderId="0" xfId="1" applyFont="1" applyFill="1" applyBorder="1" applyAlignment="1">
      <alignment vertical="center"/>
    </xf>
    <xf numFmtId="38" fontId="12" fillId="0" borderId="0" xfId="1" applyFont="1" applyFill="1" applyBorder="1" applyAlignment="1" applyProtection="1">
      <alignment horizontal="right" vertical="center"/>
    </xf>
    <xf numFmtId="38" fontId="12" fillId="0" borderId="24" xfId="1" applyFont="1" applyFill="1" applyBorder="1" applyAlignment="1" applyProtection="1">
      <alignment horizontal="distributed" vertical="center" justifyLastLine="1"/>
    </xf>
    <xf numFmtId="38" fontId="12" fillId="0" borderId="24" xfId="1" applyFont="1" applyFill="1" applyBorder="1" applyAlignment="1" applyProtection="1">
      <alignment horizontal="distributed" vertical="center" wrapText="1" justifyLastLine="1"/>
    </xf>
    <xf numFmtId="38" fontId="12" fillId="0" borderId="21" xfId="1" applyFont="1" applyFill="1" applyBorder="1" applyAlignment="1" applyProtection="1">
      <alignment horizontal="distributed" vertical="center" justifyLastLine="1"/>
    </xf>
    <xf numFmtId="38" fontId="12" fillId="0" borderId="26" xfId="1" applyFont="1" applyFill="1" applyBorder="1" applyAlignment="1" applyProtection="1">
      <alignment horizontal="distributed" vertical="center" justifyLastLine="1"/>
    </xf>
    <xf numFmtId="0" fontId="12" fillId="0" borderId="11" xfId="5" applyFont="1" applyFill="1" applyBorder="1" applyAlignment="1" applyProtection="1">
      <alignment vertical="center"/>
    </xf>
    <xf numFmtId="0" fontId="14" fillId="0" borderId="15" xfId="5" applyFont="1" applyFill="1" applyBorder="1" applyAlignment="1" applyProtection="1">
      <alignment horizontal="left" vertical="center"/>
    </xf>
    <xf numFmtId="38" fontId="12" fillId="0" borderId="15" xfId="1" quotePrefix="1" applyFont="1" applyFill="1" applyBorder="1" applyAlignment="1" applyProtection="1">
      <alignment vertical="center"/>
    </xf>
    <xf numFmtId="38" fontId="12" fillId="0" borderId="15" xfId="1" applyFont="1" applyFill="1" applyBorder="1" applyAlignment="1" applyProtection="1">
      <alignment vertical="center"/>
    </xf>
    <xf numFmtId="38" fontId="12" fillId="0" borderId="51" xfId="1" quotePrefix="1" applyFont="1" applyFill="1" applyBorder="1" applyAlignment="1" applyProtection="1">
      <alignment vertical="center"/>
    </xf>
    <xf numFmtId="38" fontId="12" fillId="0" borderId="34" xfId="1" applyFont="1" applyFill="1" applyBorder="1" applyAlignment="1" applyProtection="1">
      <alignment horizontal="right" vertical="center"/>
    </xf>
    <xf numFmtId="177" fontId="12" fillId="0" borderId="55" xfId="1" applyNumberFormat="1" applyFont="1" applyFill="1" applyBorder="1" applyAlignment="1" applyProtection="1">
      <alignment vertical="center"/>
    </xf>
    <xf numFmtId="38" fontId="12" fillId="0" borderId="51" xfId="1" applyFont="1" applyFill="1" applyBorder="1" applyAlignment="1" applyProtection="1">
      <alignment vertical="center"/>
    </xf>
    <xf numFmtId="38" fontId="12" fillId="0" borderId="34" xfId="1" applyFont="1" applyFill="1" applyBorder="1" applyAlignment="1" applyProtection="1">
      <alignment vertical="center"/>
    </xf>
    <xf numFmtId="0" fontId="12" fillId="0" borderId="36" xfId="5" applyFont="1" applyFill="1" applyBorder="1" applyAlignment="1" applyProtection="1">
      <alignment vertical="center"/>
    </xf>
    <xf numFmtId="0" fontId="14" fillId="0" borderId="56" xfId="5" applyFont="1" applyFill="1" applyBorder="1" applyAlignment="1" applyProtection="1">
      <alignment horizontal="left" vertical="center"/>
    </xf>
    <xf numFmtId="38" fontId="12" fillId="0" borderId="56" xfId="1" applyFont="1" applyFill="1" applyBorder="1" applyAlignment="1" applyProtection="1">
      <alignment vertical="center"/>
    </xf>
    <xf numFmtId="38" fontId="12" fillId="0" borderId="11" xfId="1" applyFont="1" applyFill="1" applyBorder="1" applyAlignment="1" applyProtection="1">
      <alignment vertical="center"/>
    </xf>
    <xf numFmtId="38" fontId="12" fillId="0" borderId="57" xfId="1" applyFont="1" applyFill="1" applyBorder="1" applyAlignment="1" applyProtection="1">
      <alignment vertical="center"/>
    </xf>
    <xf numFmtId="177" fontId="12" fillId="0" borderId="52" xfId="1" applyNumberFormat="1" applyFont="1" applyFill="1" applyBorder="1" applyAlignment="1" applyProtection="1">
      <alignment vertical="center"/>
    </xf>
    <xf numFmtId="0" fontId="14" fillId="0" borderId="58" xfId="5" applyFont="1" applyFill="1" applyBorder="1" applyAlignment="1" applyProtection="1">
      <alignment horizontal="left" vertical="center"/>
    </xf>
    <xf numFmtId="38" fontId="12" fillId="0" borderId="58" xfId="1" applyFont="1" applyFill="1" applyBorder="1" applyAlignment="1" applyProtection="1">
      <alignment vertical="center"/>
    </xf>
    <xf numFmtId="38" fontId="12" fillId="0" borderId="59" xfId="1" applyFont="1" applyFill="1" applyBorder="1" applyAlignment="1" applyProtection="1">
      <alignment vertical="center"/>
    </xf>
    <xf numFmtId="38" fontId="12" fillId="0" borderId="20" xfId="1" applyFont="1" applyFill="1" applyBorder="1" applyAlignment="1" applyProtection="1">
      <alignment vertical="center"/>
    </xf>
    <xf numFmtId="177" fontId="12" fillId="0" borderId="60" xfId="1" applyNumberFormat="1" applyFont="1" applyFill="1" applyBorder="1" applyAlignment="1" applyProtection="1">
      <alignment vertical="center"/>
    </xf>
    <xf numFmtId="38" fontId="12" fillId="0" borderId="61" xfId="1" applyFont="1" applyFill="1" applyBorder="1" applyAlignment="1" applyProtection="1">
      <alignment vertical="center"/>
    </xf>
    <xf numFmtId="38" fontId="12" fillId="0" borderId="42" xfId="1" applyFont="1" applyFill="1" applyBorder="1" applyAlignment="1" applyProtection="1">
      <alignment vertical="center"/>
    </xf>
    <xf numFmtId="38" fontId="12" fillId="0" borderId="44" xfId="1" applyFont="1" applyFill="1" applyBorder="1" applyAlignment="1" applyProtection="1">
      <alignment vertical="center"/>
    </xf>
    <xf numFmtId="177" fontId="12" fillId="0" borderId="62" xfId="1" applyNumberFormat="1" applyFont="1" applyFill="1" applyBorder="1" applyAlignment="1" applyProtection="1">
      <alignment vertical="center"/>
    </xf>
    <xf numFmtId="0" fontId="5" fillId="0" borderId="11" xfId="5" applyFont="1" applyFill="1" applyBorder="1" applyAlignment="1" applyProtection="1">
      <alignment horizontal="center" vertical="center"/>
    </xf>
    <xf numFmtId="0" fontId="12" fillId="0" borderId="15" xfId="5" applyFont="1" applyFill="1" applyBorder="1" applyAlignment="1" applyProtection="1">
      <alignment horizontal="left" vertical="center"/>
    </xf>
    <xf numFmtId="0" fontId="5" fillId="0" borderId="21" xfId="5" applyFont="1" applyFill="1" applyBorder="1" applyAlignment="1" applyProtection="1">
      <alignment horizontal="center" vertical="center"/>
    </xf>
    <xf numFmtId="0" fontId="12" fillId="0" borderId="24" xfId="5" applyFont="1" applyFill="1" applyBorder="1" applyAlignment="1" applyProtection="1">
      <alignment horizontal="left" vertical="center"/>
    </xf>
    <xf numFmtId="38" fontId="12" fillId="0" borderId="24" xfId="1" applyFont="1" applyFill="1" applyBorder="1" applyAlignment="1" applyProtection="1">
      <alignment vertical="center"/>
    </xf>
    <xf numFmtId="38" fontId="12" fillId="0" borderId="21" xfId="1" applyFont="1" applyFill="1" applyBorder="1" applyAlignment="1" applyProtection="1">
      <alignment vertical="center"/>
    </xf>
    <xf numFmtId="38" fontId="12" fillId="0" borderId="26" xfId="1" applyFont="1" applyFill="1" applyBorder="1" applyAlignment="1" applyProtection="1">
      <alignment vertical="center"/>
    </xf>
    <xf numFmtId="177" fontId="12" fillId="0" borderId="54" xfId="1" applyNumberFormat="1" applyFont="1" applyFill="1" applyBorder="1" applyAlignment="1" applyProtection="1">
      <alignment vertical="center"/>
    </xf>
    <xf numFmtId="38" fontId="12" fillId="0" borderId="21" xfId="1" applyFont="1" applyFill="1" applyBorder="1" applyAlignment="1" applyProtection="1">
      <alignment horizontal="right" vertical="center"/>
    </xf>
    <xf numFmtId="38" fontId="12" fillId="0" borderId="63" xfId="1" applyFont="1" applyFill="1" applyBorder="1" applyAlignment="1" applyProtection="1">
      <alignment vertical="center"/>
    </xf>
    <xf numFmtId="38" fontId="12" fillId="0" borderId="64" xfId="1" applyFont="1" applyFill="1" applyBorder="1" applyAlignment="1" applyProtection="1">
      <alignment vertical="center"/>
    </xf>
    <xf numFmtId="38" fontId="12" fillId="0" borderId="48" xfId="1" applyFont="1" applyFill="1" applyBorder="1" applyAlignment="1" applyProtection="1">
      <alignment vertical="center"/>
    </xf>
    <xf numFmtId="177" fontId="12" fillId="0" borderId="65" xfId="1" applyNumberFormat="1" applyFont="1" applyFill="1" applyBorder="1" applyAlignment="1" applyProtection="1">
      <alignment vertical="center"/>
    </xf>
    <xf numFmtId="0" fontId="12" fillId="0" borderId="0" xfId="5" applyFont="1" applyFill="1"/>
    <xf numFmtId="38" fontId="12" fillId="0" borderId="0" xfId="1" applyFont="1" applyFill="1"/>
    <xf numFmtId="0" fontId="15" fillId="0" borderId="0" xfId="4" applyFont="1" applyFill="1" applyAlignment="1">
      <alignment vertical="center"/>
    </xf>
    <xf numFmtId="0" fontId="5" fillId="0" borderId="42" xfId="2" applyFont="1" applyFill="1" applyBorder="1" applyAlignment="1">
      <alignment horizontal="distributed" vertical="center" justifyLastLine="1"/>
    </xf>
    <xf numFmtId="0" fontId="5" fillId="0" borderId="43" xfId="0" applyFont="1" applyFill="1" applyBorder="1" applyAlignment="1">
      <alignment horizontal="distributed" vertical="center" justifyLastLine="1"/>
    </xf>
    <xf numFmtId="0" fontId="5" fillId="0" borderId="45" xfId="2" applyFont="1" applyFill="1" applyBorder="1" applyAlignment="1">
      <alignment horizontal="distributed" vertical="center" justifyLastLine="1"/>
    </xf>
    <xf numFmtId="0" fontId="5" fillId="0" borderId="46" xfId="0" applyFont="1" applyFill="1" applyBorder="1" applyAlignment="1">
      <alignment horizontal="distributed" vertical="center" justifyLastLine="1"/>
    </xf>
    <xf numFmtId="38" fontId="6" fillId="0" borderId="4" xfId="1" applyFont="1" applyFill="1" applyBorder="1" applyAlignment="1" applyProtection="1">
      <alignment horizontal="center" shrinkToFit="1"/>
    </xf>
    <xf numFmtId="0" fontId="6" fillId="0" borderId="6" xfId="0" applyFont="1" applyFill="1" applyBorder="1" applyAlignment="1">
      <alignment shrinkToFit="1"/>
    </xf>
    <xf numFmtId="0" fontId="6" fillId="0" borderId="5" xfId="0" applyFont="1" applyFill="1" applyBorder="1" applyAlignment="1">
      <alignment shrinkToFit="1"/>
    </xf>
    <xf numFmtId="38" fontId="6" fillId="0" borderId="7" xfId="1" applyFont="1" applyFill="1" applyBorder="1" applyAlignment="1">
      <alignment horizontal="center" vertical="center" wrapText="1"/>
    </xf>
    <xf numFmtId="0" fontId="6" fillId="0" borderId="8" xfId="0" applyFont="1" applyFill="1" applyBorder="1"/>
    <xf numFmtId="0" fontId="6" fillId="0" borderId="15" xfId="0" applyFont="1" applyFill="1" applyBorder="1"/>
    <xf numFmtId="0" fontId="6" fillId="0" borderId="17" xfId="0" applyFont="1" applyFill="1" applyBorder="1"/>
    <xf numFmtId="38" fontId="6" fillId="0" borderId="7" xfId="1" applyFont="1" applyFill="1" applyBorder="1" applyAlignment="1" applyProtection="1">
      <alignment horizontal="distributed" vertical="center" wrapText="1" justifyLastLine="1" shrinkToFit="1"/>
    </xf>
    <xf numFmtId="38" fontId="6" fillId="0" borderId="9" xfId="1" applyFont="1" applyFill="1" applyBorder="1" applyAlignment="1" applyProtection="1">
      <alignment horizontal="distributed" vertical="center" justifyLastLine="1" shrinkToFit="1"/>
    </xf>
    <xf numFmtId="38" fontId="6" fillId="0" borderId="15" xfId="1" applyFont="1" applyFill="1" applyBorder="1" applyAlignment="1" applyProtection="1">
      <alignment horizontal="distributed" vertical="center" justifyLastLine="1" shrinkToFit="1"/>
    </xf>
    <xf numFmtId="38" fontId="6" fillId="0" borderId="18" xfId="1" applyFont="1" applyFill="1" applyBorder="1" applyAlignment="1" applyProtection="1">
      <alignment horizontal="distributed" vertical="center" justifyLastLine="1" shrinkToFit="1"/>
    </xf>
    <xf numFmtId="0" fontId="5" fillId="0" borderId="11" xfId="2" applyFont="1" applyFill="1" applyBorder="1" applyAlignment="1">
      <alignment horizontal="distributed" vertical="center" justifyLastLine="1"/>
    </xf>
    <xf numFmtId="0" fontId="5" fillId="0" borderId="12" xfId="0" applyFont="1" applyFill="1" applyBorder="1" applyAlignment="1">
      <alignment horizontal="distributed" vertical="center" justifyLastLine="1"/>
    </xf>
    <xf numFmtId="38" fontId="6" fillId="0" borderId="14" xfId="1" applyFont="1" applyFill="1" applyBorder="1" applyAlignment="1" applyProtection="1">
      <alignment horizontal="center" vertical="center" shrinkToFit="1"/>
    </xf>
    <xf numFmtId="38" fontId="6" fillId="0" borderId="23" xfId="1" applyFont="1" applyFill="1" applyBorder="1" applyAlignment="1" applyProtection="1">
      <alignment horizontal="center" vertical="center" shrinkToFit="1"/>
    </xf>
    <xf numFmtId="0" fontId="3" fillId="0" borderId="3" xfId="2" applyFont="1" applyFill="1" applyBorder="1" applyAlignment="1" applyProtection="1">
      <alignment horizontal="center" vertical="center" justifyLastLine="1"/>
    </xf>
    <xf numFmtId="0" fontId="3" fillId="0" borderId="13" xfId="2" applyFont="1" applyFill="1" applyBorder="1" applyAlignment="1" applyProtection="1">
      <alignment horizontal="center" vertical="center" justifyLastLine="1"/>
    </xf>
    <xf numFmtId="0" fontId="3" fillId="0" borderId="23" xfId="2" applyFont="1" applyFill="1" applyBorder="1" applyAlignment="1" applyProtection="1">
      <alignment horizontal="center" vertical="center" justifyLastLine="1"/>
    </xf>
    <xf numFmtId="38" fontId="6" fillId="0" borderId="4" xfId="1" applyFont="1" applyFill="1" applyBorder="1" applyAlignment="1" applyProtection="1">
      <alignment horizontal="distributed" justifyLastLine="1" shrinkToFit="1"/>
    </xf>
    <xf numFmtId="0" fontId="6" fillId="0" borderId="5" xfId="0" applyFont="1" applyFill="1" applyBorder="1" applyAlignment="1">
      <alignment horizontal="distributed" justifyLastLine="1" shrinkToFit="1"/>
    </xf>
    <xf numFmtId="0" fontId="6" fillId="0" borderId="6" xfId="0" applyFont="1" applyFill="1" applyBorder="1" applyAlignment="1">
      <alignment horizontal="distributed" justifyLastLine="1" shrinkToFit="1"/>
    </xf>
    <xf numFmtId="38" fontId="6" fillId="0" borderId="7" xfId="1" applyFont="1" applyFill="1" applyBorder="1" applyAlignment="1" applyProtection="1">
      <alignment horizontal="distributed" vertical="center" justifyLastLine="1" shrinkToFit="1"/>
    </xf>
    <xf numFmtId="38" fontId="6" fillId="0" borderId="8" xfId="1" applyFont="1" applyFill="1" applyBorder="1" applyAlignment="1" applyProtection="1">
      <alignment horizontal="distributed" vertical="center" justifyLastLine="1" shrinkToFit="1"/>
    </xf>
    <xf numFmtId="38" fontId="6" fillId="0" borderId="17" xfId="1" applyFont="1" applyFill="1" applyBorder="1" applyAlignment="1" applyProtection="1">
      <alignment horizontal="distributed" vertical="center" justifyLastLine="1" shrinkToFit="1"/>
    </xf>
    <xf numFmtId="38" fontId="6" fillId="0" borderId="7" xfId="1" applyFont="1" applyFill="1" applyBorder="1" applyAlignment="1" applyProtection="1">
      <alignment horizontal="center" vertical="center" shrinkToFit="1"/>
    </xf>
    <xf numFmtId="38" fontId="6" fillId="0" borderId="8" xfId="1" applyFont="1" applyFill="1" applyBorder="1" applyAlignment="1" applyProtection="1">
      <alignment horizontal="center" vertical="center" shrinkToFit="1"/>
    </xf>
    <xf numFmtId="38" fontId="6" fillId="0" borderId="15" xfId="1" applyFont="1" applyFill="1" applyBorder="1" applyAlignment="1" applyProtection="1">
      <alignment horizontal="center" vertical="center" shrinkToFit="1"/>
    </xf>
    <xf numFmtId="38" fontId="6" fillId="0" borderId="17" xfId="1" applyFont="1" applyFill="1" applyBorder="1" applyAlignment="1" applyProtection="1">
      <alignment horizontal="center" vertical="center" shrinkToFit="1"/>
    </xf>
    <xf numFmtId="0" fontId="14" fillId="0" borderId="69" xfId="0" applyFont="1" applyFill="1" applyBorder="1" applyAlignment="1">
      <alignment horizontal="center" vertical="center"/>
    </xf>
    <xf numFmtId="0" fontId="16" fillId="0" borderId="5" xfId="0" applyFont="1" applyFill="1" applyBorder="1" applyAlignment="1">
      <alignment horizontal="center" vertical="center"/>
    </xf>
    <xf numFmtId="0" fontId="14" fillId="0" borderId="81" xfId="0" applyFont="1" applyFill="1" applyBorder="1" applyAlignment="1">
      <alignment horizontal="center" vertical="center"/>
    </xf>
    <xf numFmtId="0" fontId="16" fillId="0" borderId="74" xfId="0" applyFont="1" applyFill="1" applyBorder="1" applyAlignment="1">
      <alignment horizontal="center" vertical="center"/>
    </xf>
    <xf numFmtId="0" fontId="14" fillId="0" borderId="83" xfId="0" applyFont="1" applyFill="1" applyBorder="1" applyAlignment="1">
      <alignment horizontal="center" vertical="center"/>
    </xf>
    <xf numFmtId="0" fontId="16" fillId="0" borderId="84" xfId="0" applyFont="1" applyFill="1" applyBorder="1" applyAlignment="1">
      <alignment horizontal="center" vertical="center"/>
    </xf>
    <xf numFmtId="0" fontId="14" fillId="0" borderId="0" xfId="0" applyFont="1" applyFill="1" applyBorder="1" applyAlignment="1">
      <alignment vertical="center" wrapText="1"/>
    </xf>
    <xf numFmtId="0" fontId="14" fillId="0" borderId="0" xfId="0" applyFont="1" applyFill="1" applyAlignment="1">
      <alignment vertical="center" wrapText="1"/>
    </xf>
    <xf numFmtId="0" fontId="12" fillId="0" borderId="0" xfId="0" applyFont="1" applyFill="1" applyAlignment="1">
      <alignment vertical="center"/>
    </xf>
    <xf numFmtId="0" fontId="14" fillId="0" borderId="0" xfId="0" applyFont="1" applyFill="1" applyBorder="1" applyAlignment="1">
      <alignment horizontal="right" vertical="center"/>
    </xf>
    <xf numFmtId="0" fontId="14" fillId="0" borderId="66" xfId="0" applyFont="1" applyFill="1" applyBorder="1" applyAlignment="1">
      <alignment horizontal="left" vertical="center" wrapText="1"/>
    </xf>
    <xf numFmtId="0" fontId="16" fillId="0" borderId="67" xfId="0" applyFont="1" applyFill="1" applyBorder="1" applyAlignment="1">
      <alignment horizontal="left" vertical="center" wrapText="1"/>
    </xf>
    <xf numFmtId="0" fontId="14" fillId="0" borderId="70" xfId="0" applyFont="1" applyFill="1" applyBorder="1" applyAlignment="1">
      <alignment horizontal="left" vertical="center" wrapText="1"/>
    </xf>
    <xf numFmtId="0" fontId="16" fillId="0" borderId="71" xfId="0" applyFont="1" applyFill="1" applyBorder="1" applyAlignment="1">
      <alignment horizontal="left" vertical="center" wrapText="1"/>
    </xf>
    <xf numFmtId="0" fontId="14" fillId="0" borderId="4" xfId="0" applyFont="1" applyFill="1" applyBorder="1" applyAlignment="1">
      <alignment horizontal="distributed" vertical="center" justifyLastLine="1"/>
    </xf>
    <xf numFmtId="0" fontId="14" fillId="0" borderId="6" xfId="0" applyFont="1" applyFill="1" applyBorder="1" applyAlignment="1">
      <alignment horizontal="distributed" vertical="center" justifyLastLine="1"/>
    </xf>
    <xf numFmtId="0" fontId="14" fillId="0" borderId="5" xfId="0" applyFont="1" applyFill="1" applyBorder="1" applyAlignment="1">
      <alignment horizontal="distributed" vertical="center" justifyLastLine="1"/>
    </xf>
    <xf numFmtId="0" fontId="14" fillId="0" borderId="68" xfId="0" applyFont="1" applyFill="1" applyBorder="1" applyAlignment="1">
      <alignment horizontal="distributed" vertical="center" justifyLastLine="1"/>
    </xf>
    <xf numFmtId="0" fontId="14" fillId="0" borderId="69" xfId="0" applyFont="1" applyFill="1" applyBorder="1" applyAlignment="1">
      <alignment horizontal="distributed" vertical="center" justifyLastLine="1"/>
    </xf>
    <xf numFmtId="0" fontId="0" fillId="0" borderId="6" xfId="0" applyFill="1" applyBorder="1" applyAlignment="1">
      <alignment horizontal="distributed" vertical="center" justifyLastLine="1"/>
    </xf>
    <xf numFmtId="0" fontId="0" fillId="0" borderId="5" xfId="0" applyFill="1" applyBorder="1" applyAlignment="1">
      <alignment horizontal="distributed" vertical="center" justifyLastLine="1"/>
    </xf>
    <xf numFmtId="0" fontId="14" fillId="0" borderId="2" xfId="0" applyFont="1" applyFill="1" applyBorder="1" applyAlignment="1">
      <alignment horizontal="distributed" vertical="center" justifyLastLine="1"/>
    </xf>
    <xf numFmtId="0" fontId="14" fillId="0" borderId="9" xfId="0" applyFont="1" applyFill="1" applyBorder="1" applyAlignment="1">
      <alignment horizontal="distributed" vertical="center" justifyLastLine="1"/>
    </xf>
    <xf numFmtId="0" fontId="12" fillId="0" borderId="45" xfId="5" applyFont="1" applyFill="1" applyBorder="1" applyAlignment="1">
      <alignment horizontal="distributed" vertical="center" justifyLastLine="1"/>
    </xf>
    <xf numFmtId="0" fontId="12" fillId="0" borderId="46" xfId="0" applyFont="1" applyFill="1" applyBorder="1" applyAlignment="1">
      <alignment horizontal="distributed" vertical="center" justifyLastLine="1"/>
    </xf>
    <xf numFmtId="0" fontId="12" fillId="0" borderId="1" xfId="0" applyFont="1" applyFill="1" applyBorder="1" applyAlignment="1">
      <alignment horizontal="distributed" vertical="center" justifyLastLine="1"/>
    </xf>
    <xf numFmtId="0" fontId="12" fillId="0" borderId="8" xfId="0" applyFont="1" applyFill="1" applyBorder="1" applyAlignment="1">
      <alignment horizontal="distributed" vertical="center" justifyLastLine="1"/>
    </xf>
    <xf numFmtId="0" fontId="12" fillId="0" borderId="11" xfId="0" applyFont="1" applyFill="1" applyBorder="1" applyAlignment="1">
      <alignment horizontal="distributed" vertical="center" justifyLastLine="1"/>
    </xf>
    <xf numFmtId="0" fontId="12" fillId="0" borderId="12" xfId="0" applyFont="1" applyFill="1" applyBorder="1" applyAlignment="1">
      <alignment horizontal="distributed" vertical="center" justifyLastLine="1"/>
    </xf>
    <xf numFmtId="0" fontId="12" fillId="0" borderId="21" xfId="0" applyFont="1" applyFill="1" applyBorder="1" applyAlignment="1">
      <alignment horizontal="distributed" vertical="center" justifyLastLine="1"/>
    </xf>
    <xf numFmtId="0" fontId="12" fillId="0" borderId="53" xfId="0" applyFont="1" applyFill="1" applyBorder="1" applyAlignment="1">
      <alignment horizontal="distributed" vertical="center" justifyLastLine="1"/>
    </xf>
    <xf numFmtId="38" fontId="12" fillId="0" borderId="7" xfId="1" applyFont="1" applyFill="1" applyBorder="1" applyAlignment="1">
      <alignment horizontal="center" vertical="center"/>
    </xf>
    <xf numFmtId="0" fontId="12" fillId="0" borderId="2" xfId="0" applyFont="1" applyFill="1" applyBorder="1" applyAlignment="1">
      <alignment horizontal="center" vertical="center"/>
    </xf>
    <xf numFmtId="0" fontId="12" fillId="0" borderId="15" xfId="0" applyFont="1" applyFill="1" applyBorder="1" applyAlignment="1">
      <alignment horizontal="center" vertical="center"/>
    </xf>
    <xf numFmtId="0" fontId="12" fillId="0" borderId="16" xfId="0" applyFont="1" applyFill="1" applyBorder="1" applyAlignment="1">
      <alignment horizontal="center" vertical="center"/>
    </xf>
    <xf numFmtId="38" fontId="12" fillId="0" borderId="1" xfId="1" applyFont="1" applyFill="1" applyBorder="1" applyAlignment="1">
      <alignment horizontal="center" vertical="center"/>
    </xf>
    <xf numFmtId="0" fontId="12" fillId="0" borderId="9" xfId="0" applyFont="1" applyFill="1" applyBorder="1" applyAlignment="1">
      <alignment horizontal="center" vertical="center"/>
    </xf>
    <xf numFmtId="0" fontId="12" fillId="0" borderId="51" xfId="0" applyFont="1" applyFill="1" applyBorder="1" applyAlignment="1">
      <alignment horizontal="center" vertical="center"/>
    </xf>
    <xf numFmtId="0" fontId="12" fillId="0" borderId="18" xfId="0" applyFont="1" applyFill="1" applyBorder="1" applyAlignment="1">
      <alignment horizontal="center" vertical="center"/>
    </xf>
    <xf numFmtId="38" fontId="12" fillId="0" borderId="50" xfId="1" applyFont="1" applyFill="1" applyBorder="1" applyAlignment="1">
      <alignment horizontal="distributed" vertical="center" justifyLastLine="1"/>
    </xf>
    <xf numFmtId="38" fontId="12" fillId="0" borderId="52" xfId="1" applyFont="1" applyFill="1" applyBorder="1" applyAlignment="1">
      <alignment horizontal="distributed" vertical="center" justifyLastLine="1"/>
    </xf>
    <xf numFmtId="38" fontId="12" fillId="0" borderId="54" xfId="1" applyFont="1" applyFill="1" applyBorder="1" applyAlignment="1">
      <alignment horizontal="distributed" vertical="center" justifyLastLine="1"/>
    </xf>
    <xf numFmtId="0" fontId="12" fillId="0" borderId="42" xfId="5" applyFont="1" applyFill="1" applyBorder="1" applyAlignment="1">
      <alignment horizontal="distributed" vertical="center" justifyLastLine="1"/>
    </xf>
    <xf numFmtId="0" fontId="12" fillId="0" borderId="43" xfId="0" applyFont="1" applyFill="1" applyBorder="1" applyAlignment="1">
      <alignment horizontal="distributed" vertical="center" justifyLastLine="1"/>
    </xf>
  </cellXfs>
  <cellStyles count="6">
    <cellStyle name="桁区切り" xfId="1" builtinId="6"/>
    <cellStyle name="標準" xfId="0" builtinId="0"/>
    <cellStyle name="標準_事04統13" xfId="3"/>
    <cellStyle name="標準_第１表_1" xfId="2"/>
    <cellStyle name="標準_第５表" xfId="5"/>
    <cellStyle name="標準_第７表 (2)" xf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71"/>
  <sheetViews>
    <sheetView tabSelected="1" zoomScaleNormal="100" zoomScaleSheetLayoutView="100" workbookViewId="0">
      <pane xSplit="3" ySplit="5" topLeftCell="D6" activePane="bottomRight" state="frozen"/>
      <selection pane="topRight" activeCell="D1" sqref="D1"/>
      <selection pane="bottomLeft" activeCell="A7" sqref="A7"/>
      <selection pane="bottomRight"/>
    </sheetView>
  </sheetViews>
  <sheetFormatPr defaultColWidth="9" defaultRowHeight="9.6" x14ac:dyDescent="0.15"/>
  <cols>
    <col min="1" max="1" width="3.44140625" style="161" customWidth="1"/>
    <col min="2" max="2" width="9" style="161"/>
    <col min="3" max="3" width="12.6640625" style="160" customWidth="1"/>
    <col min="4" max="5" width="7" style="162" customWidth="1"/>
    <col min="6" max="7" width="6.109375" style="162" customWidth="1"/>
    <col min="8" max="8" width="6" style="162" customWidth="1"/>
    <col min="9" max="9" width="5.6640625" style="162" customWidth="1"/>
    <col min="10" max="11" width="6.88671875" style="162" customWidth="1"/>
    <col min="12" max="13" width="7.109375" style="162" bestFit="1" customWidth="1"/>
    <col min="14" max="15" width="7" style="162" customWidth="1"/>
    <col min="16" max="19" width="5.6640625" style="162" customWidth="1"/>
    <col min="20" max="23" width="6.6640625" style="162" customWidth="1"/>
    <col min="24" max="25" width="3.77734375" style="162" customWidth="1"/>
    <col min="26" max="29" width="9" style="161"/>
    <col min="30" max="30" width="5.88671875" style="161" customWidth="1"/>
    <col min="31" max="16384" width="9" style="161"/>
  </cols>
  <sheetData>
    <row r="1" spans="1:25" s="113" customFormat="1" ht="13.2" x14ac:dyDescent="0.2">
      <c r="A1" s="110" t="s">
        <v>0</v>
      </c>
      <c r="B1" s="111"/>
      <c r="C1" s="112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</row>
    <row r="2" spans="1:25" s="113" customFormat="1" ht="13.8" thickBot="1" x14ac:dyDescent="0.25">
      <c r="A2" s="110" t="s">
        <v>1</v>
      </c>
      <c r="B2" s="111"/>
      <c r="C2" s="112"/>
      <c r="D2" s="1"/>
      <c r="E2" s="1"/>
      <c r="F2" s="1"/>
      <c r="G2" s="1"/>
      <c r="H2" s="1"/>
      <c r="I2" s="1"/>
      <c r="J2" s="114"/>
      <c r="K2" s="1"/>
      <c r="L2" s="1"/>
      <c r="M2" s="115"/>
      <c r="N2" s="1"/>
      <c r="O2" s="115"/>
      <c r="P2" s="1"/>
      <c r="Q2" s="1"/>
      <c r="R2" s="1"/>
      <c r="S2" s="1"/>
      <c r="T2" s="1"/>
      <c r="U2" s="1"/>
      <c r="V2" s="1"/>
      <c r="W2" s="1"/>
      <c r="X2" s="1"/>
      <c r="Y2" s="1"/>
    </row>
    <row r="3" spans="1:25" s="113" customFormat="1" ht="12.75" customHeight="1" x14ac:dyDescent="0.15">
      <c r="A3" s="116"/>
      <c r="B3" s="117"/>
      <c r="C3" s="233" t="s">
        <v>2</v>
      </c>
      <c r="D3" s="236" t="s">
        <v>3</v>
      </c>
      <c r="E3" s="237"/>
      <c r="F3" s="236" t="s">
        <v>4</v>
      </c>
      <c r="G3" s="238"/>
      <c r="H3" s="238"/>
      <c r="I3" s="237"/>
      <c r="J3" s="239" t="s">
        <v>5</v>
      </c>
      <c r="K3" s="240"/>
      <c r="L3" s="242" t="s">
        <v>6</v>
      </c>
      <c r="M3" s="243"/>
      <c r="N3" s="242" t="s">
        <v>7</v>
      </c>
      <c r="O3" s="243"/>
      <c r="P3" s="218" t="s">
        <v>8</v>
      </c>
      <c r="Q3" s="219"/>
      <c r="R3" s="219"/>
      <c r="S3" s="219"/>
      <c r="T3" s="219"/>
      <c r="U3" s="220"/>
      <c r="V3" s="221" t="s">
        <v>9</v>
      </c>
      <c r="W3" s="222"/>
      <c r="X3" s="225" t="s">
        <v>10</v>
      </c>
      <c r="Y3" s="226"/>
    </row>
    <row r="4" spans="1:25" s="113" customFormat="1" ht="12.75" customHeight="1" x14ac:dyDescent="0.15">
      <c r="A4" s="229" t="s">
        <v>11</v>
      </c>
      <c r="B4" s="230"/>
      <c r="C4" s="234"/>
      <c r="D4" s="231" t="s">
        <v>12</v>
      </c>
      <c r="E4" s="231" t="s">
        <v>13</v>
      </c>
      <c r="F4" s="118" t="s">
        <v>14</v>
      </c>
      <c r="G4" s="119"/>
      <c r="H4" s="118" t="s">
        <v>15</v>
      </c>
      <c r="I4" s="120"/>
      <c r="J4" s="227"/>
      <c r="K4" s="241"/>
      <c r="L4" s="244"/>
      <c r="M4" s="245"/>
      <c r="N4" s="244"/>
      <c r="O4" s="245"/>
      <c r="P4" s="121" t="s">
        <v>16</v>
      </c>
      <c r="Q4" s="122"/>
      <c r="R4" s="121" t="s">
        <v>17</v>
      </c>
      <c r="S4" s="123"/>
      <c r="T4" s="121" t="s">
        <v>18</v>
      </c>
      <c r="U4" s="122"/>
      <c r="V4" s="223"/>
      <c r="W4" s="224"/>
      <c r="X4" s="227"/>
      <c r="Y4" s="228"/>
    </row>
    <row r="5" spans="1:25" s="113" customFormat="1" ht="12.75" customHeight="1" thickBot="1" x14ac:dyDescent="0.25">
      <c r="A5" s="124"/>
      <c r="B5" s="125"/>
      <c r="C5" s="235"/>
      <c r="D5" s="232"/>
      <c r="E5" s="232"/>
      <c r="F5" s="126" t="s">
        <v>12</v>
      </c>
      <c r="G5" s="126" t="s">
        <v>13</v>
      </c>
      <c r="H5" s="126" t="s">
        <v>12</v>
      </c>
      <c r="I5" s="127" t="s">
        <v>13</v>
      </c>
      <c r="J5" s="126" t="s">
        <v>12</v>
      </c>
      <c r="K5" s="126" t="s">
        <v>13</v>
      </c>
      <c r="L5" s="126" t="s">
        <v>12</v>
      </c>
      <c r="M5" s="126" t="s">
        <v>13</v>
      </c>
      <c r="N5" s="128" t="s">
        <v>12</v>
      </c>
      <c r="O5" s="128" t="s">
        <v>13</v>
      </c>
      <c r="P5" s="126" t="s">
        <v>12</v>
      </c>
      <c r="Q5" s="126" t="s">
        <v>13</v>
      </c>
      <c r="R5" s="126" t="s">
        <v>12</v>
      </c>
      <c r="S5" s="127" t="s">
        <v>13</v>
      </c>
      <c r="T5" s="126" t="s">
        <v>12</v>
      </c>
      <c r="U5" s="126" t="s">
        <v>13</v>
      </c>
      <c r="V5" s="126" t="s">
        <v>19</v>
      </c>
      <c r="W5" s="126" t="s">
        <v>20</v>
      </c>
      <c r="X5" s="126" t="s">
        <v>21</v>
      </c>
      <c r="Y5" s="129" t="s">
        <v>22</v>
      </c>
    </row>
    <row r="6" spans="1:25" s="113" customFormat="1" ht="14.1" customHeight="1" thickTop="1" x14ac:dyDescent="0.15">
      <c r="A6" s="130">
        <v>1</v>
      </c>
      <c r="B6" s="2" t="s">
        <v>24</v>
      </c>
      <c r="C6" s="131" t="s">
        <v>25</v>
      </c>
      <c r="D6" s="132">
        <v>466379</v>
      </c>
      <c r="E6" s="132">
        <v>473435</v>
      </c>
      <c r="F6" s="132">
        <v>3</v>
      </c>
      <c r="G6" s="132">
        <v>171</v>
      </c>
      <c r="H6" s="132">
        <v>1</v>
      </c>
      <c r="I6" s="132">
        <v>109</v>
      </c>
      <c r="J6" s="132">
        <v>684097</v>
      </c>
      <c r="K6" s="132">
        <v>699380</v>
      </c>
      <c r="L6" s="132">
        <v>684093</v>
      </c>
      <c r="M6" s="132">
        <v>699089</v>
      </c>
      <c r="N6" s="132">
        <v>287812</v>
      </c>
      <c r="O6" s="132">
        <v>293089</v>
      </c>
      <c r="P6" s="132">
        <v>4</v>
      </c>
      <c r="Q6" s="132">
        <v>280</v>
      </c>
      <c r="R6" s="132">
        <v>0</v>
      </c>
      <c r="S6" s="132">
        <v>11</v>
      </c>
      <c r="T6" s="132">
        <v>4</v>
      </c>
      <c r="U6" s="132">
        <v>291</v>
      </c>
      <c r="V6" s="132">
        <v>223770</v>
      </c>
      <c r="W6" s="132">
        <v>229527</v>
      </c>
      <c r="X6" s="132">
        <v>0</v>
      </c>
      <c r="Y6" s="133">
        <v>454</v>
      </c>
    </row>
    <row r="7" spans="1:25" s="113" customFormat="1" ht="14.1" customHeight="1" x14ac:dyDescent="0.15">
      <c r="A7" s="130">
        <v>2</v>
      </c>
      <c r="B7" s="2" t="s">
        <v>26</v>
      </c>
      <c r="C7" s="134" t="s">
        <v>27</v>
      </c>
      <c r="D7" s="135">
        <v>179119</v>
      </c>
      <c r="E7" s="135">
        <v>181006</v>
      </c>
      <c r="F7" s="135">
        <v>0</v>
      </c>
      <c r="G7" s="135">
        <v>76</v>
      </c>
      <c r="H7" s="135">
        <v>0</v>
      </c>
      <c r="I7" s="135">
        <v>44</v>
      </c>
      <c r="J7" s="135">
        <v>258720</v>
      </c>
      <c r="K7" s="135">
        <v>264027</v>
      </c>
      <c r="L7" s="135">
        <v>258720</v>
      </c>
      <c r="M7" s="135">
        <v>263902</v>
      </c>
      <c r="N7" s="135">
        <v>95126</v>
      </c>
      <c r="O7" s="135">
        <v>96532</v>
      </c>
      <c r="P7" s="135">
        <v>0</v>
      </c>
      <c r="Q7" s="135">
        <v>120</v>
      </c>
      <c r="R7" s="135">
        <v>0</v>
      </c>
      <c r="S7" s="135">
        <v>5</v>
      </c>
      <c r="T7" s="135">
        <v>0</v>
      </c>
      <c r="U7" s="135">
        <v>125</v>
      </c>
      <c r="V7" s="135">
        <v>87967</v>
      </c>
      <c r="W7" s="135">
        <v>90228</v>
      </c>
      <c r="X7" s="135">
        <v>148</v>
      </c>
      <c r="Y7" s="136">
        <v>0</v>
      </c>
    </row>
    <row r="8" spans="1:25" s="113" customFormat="1" ht="14.1" customHeight="1" x14ac:dyDescent="0.15">
      <c r="A8" s="130">
        <v>3</v>
      </c>
      <c r="B8" s="2" t="s">
        <v>28</v>
      </c>
      <c r="C8" s="134" t="s">
        <v>29</v>
      </c>
      <c r="D8" s="135">
        <v>59278</v>
      </c>
      <c r="E8" s="135">
        <v>60550</v>
      </c>
      <c r="F8" s="135">
        <v>4</v>
      </c>
      <c r="G8" s="135">
        <v>27</v>
      </c>
      <c r="H8" s="135">
        <v>2</v>
      </c>
      <c r="I8" s="135">
        <v>17</v>
      </c>
      <c r="J8" s="135">
        <v>89843</v>
      </c>
      <c r="K8" s="135">
        <v>92282</v>
      </c>
      <c r="L8" s="135">
        <v>89837</v>
      </c>
      <c r="M8" s="135">
        <v>92238</v>
      </c>
      <c r="N8" s="135">
        <v>41964</v>
      </c>
      <c r="O8" s="135">
        <v>43027</v>
      </c>
      <c r="P8" s="135">
        <v>6</v>
      </c>
      <c r="Q8" s="135">
        <v>44</v>
      </c>
      <c r="R8" s="135">
        <v>0</v>
      </c>
      <c r="S8" s="135">
        <v>0</v>
      </c>
      <c r="T8" s="135">
        <v>6</v>
      </c>
      <c r="U8" s="135">
        <v>44</v>
      </c>
      <c r="V8" s="135">
        <v>27174</v>
      </c>
      <c r="W8" s="135">
        <v>27953</v>
      </c>
      <c r="X8" s="135">
        <v>44</v>
      </c>
      <c r="Y8" s="136">
        <v>1</v>
      </c>
    </row>
    <row r="9" spans="1:25" s="113" customFormat="1" ht="14.1" customHeight="1" x14ac:dyDescent="0.15">
      <c r="A9" s="130">
        <v>4</v>
      </c>
      <c r="B9" s="2" t="s">
        <v>30</v>
      </c>
      <c r="C9" s="134" t="s">
        <v>31</v>
      </c>
      <c r="D9" s="135">
        <v>36379</v>
      </c>
      <c r="E9" s="135">
        <v>36876</v>
      </c>
      <c r="F9" s="135">
        <v>0</v>
      </c>
      <c r="G9" s="135">
        <v>13</v>
      </c>
      <c r="H9" s="135">
        <v>0</v>
      </c>
      <c r="I9" s="135">
        <v>11</v>
      </c>
      <c r="J9" s="135">
        <v>56395</v>
      </c>
      <c r="K9" s="135">
        <v>57580</v>
      </c>
      <c r="L9" s="135">
        <v>56395</v>
      </c>
      <c r="M9" s="135">
        <v>57556</v>
      </c>
      <c r="N9" s="135">
        <v>25528</v>
      </c>
      <c r="O9" s="135">
        <v>25877</v>
      </c>
      <c r="P9" s="135">
        <v>0</v>
      </c>
      <c r="Q9" s="135">
        <v>24</v>
      </c>
      <c r="R9" s="135">
        <v>0</v>
      </c>
      <c r="S9" s="135">
        <v>0</v>
      </c>
      <c r="T9" s="135">
        <v>0</v>
      </c>
      <c r="U9" s="135">
        <v>24</v>
      </c>
      <c r="V9" s="135">
        <v>17617</v>
      </c>
      <c r="W9" s="135">
        <v>18114</v>
      </c>
      <c r="X9" s="135">
        <v>28</v>
      </c>
      <c r="Y9" s="136">
        <v>1</v>
      </c>
    </row>
    <row r="10" spans="1:25" s="113" customFormat="1" ht="14.1" customHeight="1" x14ac:dyDescent="0.15">
      <c r="A10" s="130">
        <v>5</v>
      </c>
      <c r="B10" s="2" t="s">
        <v>32</v>
      </c>
      <c r="C10" s="134" t="s">
        <v>33</v>
      </c>
      <c r="D10" s="135">
        <v>24386</v>
      </c>
      <c r="E10" s="135">
        <v>24697</v>
      </c>
      <c r="F10" s="135">
        <v>1</v>
      </c>
      <c r="G10" s="135">
        <v>17</v>
      </c>
      <c r="H10" s="135">
        <v>2</v>
      </c>
      <c r="I10" s="135">
        <v>10</v>
      </c>
      <c r="J10" s="135">
        <v>36578</v>
      </c>
      <c r="K10" s="135">
        <v>37284</v>
      </c>
      <c r="L10" s="135">
        <v>36575</v>
      </c>
      <c r="M10" s="135">
        <v>37256</v>
      </c>
      <c r="N10" s="135">
        <v>16138</v>
      </c>
      <c r="O10" s="135">
        <v>16431</v>
      </c>
      <c r="P10" s="135">
        <v>3</v>
      </c>
      <c r="Q10" s="135">
        <v>27</v>
      </c>
      <c r="R10" s="135">
        <v>0</v>
      </c>
      <c r="S10" s="135">
        <v>1</v>
      </c>
      <c r="T10" s="135">
        <v>3</v>
      </c>
      <c r="U10" s="135">
        <v>28</v>
      </c>
      <c r="V10" s="135">
        <v>13094</v>
      </c>
      <c r="W10" s="135">
        <v>13360</v>
      </c>
      <c r="X10" s="135">
        <v>14</v>
      </c>
      <c r="Y10" s="136">
        <v>2</v>
      </c>
    </row>
    <row r="11" spans="1:25" s="113" customFormat="1" ht="14.1" customHeight="1" x14ac:dyDescent="0.15">
      <c r="A11" s="130">
        <v>6</v>
      </c>
      <c r="B11" s="2" t="s">
        <v>34</v>
      </c>
      <c r="C11" s="134" t="s">
        <v>35</v>
      </c>
      <c r="D11" s="135">
        <v>54784</v>
      </c>
      <c r="E11" s="135">
        <v>55497</v>
      </c>
      <c r="F11" s="135">
        <v>0</v>
      </c>
      <c r="G11" s="135">
        <v>27</v>
      </c>
      <c r="H11" s="135">
        <v>3</v>
      </c>
      <c r="I11" s="135">
        <v>17</v>
      </c>
      <c r="J11" s="135">
        <v>84075</v>
      </c>
      <c r="K11" s="135">
        <v>85965</v>
      </c>
      <c r="L11" s="135">
        <v>84072</v>
      </c>
      <c r="M11" s="135">
        <v>85920</v>
      </c>
      <c r="N11" s="135">
        <v>35126</v>
      </c>
      <c r="O11" s="135">
        <v>35792</v>
      </c>
      <c r="P11" s="135">
        <v>3</v>
      </c>
      <c r="Q11" s="135">
        <v>44</v>
      </c>
      <c r="R11" s="135">
        <v>0</v>
      </c>
      <c r="S11" s="135">
        <v>1</v>
      </c>
      <c r="T11" s="135">
        <v>3</v>
      </c>
      <c r="U11" s="135">
        <v>45</v>
      </c>
      <c r="V11" s="135">
        <v>28022</v>
      </c>
      <c r="W11" s="135">
        <v>28613</v>
      </c>
      <c r="X11" s="135">
        <v>37</v>
      </c>
      <c r="Y11" s="136">
        <v>2</v>
      </c>
    </row>
    <row r="12" spans="1:25" s="113" customFormat="1" ht="14.1" customHeight="1" x14ac:dyDescent="0.15">
      <c r="A12" s="130">
        <v>7</v>
      </c>
      <c r="B12" s="2" t="s">
        <v>36</v>
      </c>
      <c r="C12" s="134" t="s">
        <v>37</v>
      </c>
      <c r="D12" s="135">
        <v>26631</v>
      </c>
      <c r="E12" s="135">
        <v>26967</v>
      </c>
      <c r="F12" s="135">
        <v>3</v>
      </c>
      <c r="G12" s="135">
        <v>23</v>
      </c>
      <c r="H12" s="135">
        <v>4</v>
      </c>
      <c r="I12" s="135">
        <v>20</v>
      </c>
      <c r="J12" s="135">
        <v>40796</v>
      </c>
      <c r="K12" s="135">
        <v>41565</v>
      </c>
      <c r="L12" s="135">
        <v>40789</v>
      </c>
      <c r="M12" s="135">
        <v>41520</v>
      </c>
      <c r="N12" s="135">
        <v>18995</v>
      </c>
      <c r="O12" s="135">
        <v>19140</v>
      </c>
      <c r="P12" s="135">
        <v>7</v>
      </c>
      <c r="Q12" s="135">
        <v>43</v>
      </c>
      <c r="R12" s="135">
        <v>0</v>
      </c>
      <c r="S12" s="135">
        <v>2</v>
      </c>
      <c r="T12" s="135">
        <v>7</v>
      </c>
      <c r="U12" s="135">
        <v>45</v>
      </c>
      <c r="V12" s="135">
        <v>13019</v>
      </c>
      <c r="W12" s="135">
        <v>13400</v>
      </c>
      <c r="X12" s="135">
        <v>15</v>
      </c>
      <c r="Y12" s="136">
        <v>9</v>
      </c>
    </row>
    <row r="13" spans="1:25" s="113" customFormat="1" ht="14.1" customHeight="1" x14ac:dyDescent="0.15">
      <c r="A13" s="130">
        <v>8</v>
      </c>
      <c r="B13" s="2" t="s">
        <v>38</v>
      </c>
      <c r="C13" s="134" t="s">
        <v>39</v>
      </c>
      <c r="D13" s="135">
        <v>31768</v>
      </c>
      <c r="E13" s="135">
        <v>32170</v>
      </c>
      <c r="F13" s="135">
        <v>1</v>
      </c>
      <c r="G13" s="135">
        <v>12</v>
      </c>
      <c r="H13" s="135">
        <v>0</v>
      </c>
      <c r="I13" s="135">
        <v>10</v>
      </c>
      <c r="J13" s="135">
        <v>49576</v>
      </c>
      <c r="K13" s="135">
        <v>50591</v>
      </c>
      <c r="L13" s="135">
        <v>49575</v>
      </c>
      <c r="M13" s="135">
        <v>50566</v>
      </c>
      <c r="N13" s="135">
        <v>21810</v>
      </c>
      <c r="O13" s="135">
        <v>22224</v>
      </c>
      <c r="P13" s="135">
        <v>1</v>
      </c>
      <c r="Q13" s="135">
        <v>22</v>
      </c>
      <c r="R13" s="135">
        <v>0</v>
      </c>
      <c r="S13" s="135">
        <v>3</v>
      </c>
      <c r="T13" s="135">
        <v>1</v>
      </c>
      <c r="U13" s="135">
        <v>25</v>
      </c>
      <c r="V13" s="135">
        <v>16252</v>
      </c>
      <c r="W13" s="135">
        <v>16556</v>
      </c>
      <c r="X13" s="135">
        <v>26</v>
      </c>
      <c r="Y13" s="136">
        <v>1</v>
      </c>
    </row>
    <row r="14" spans="1:25" s="113" customFormat="1" ht="14.1" customHeight="1" x14ac:dyDescent="0.15">
      <c r="A14" s="130">
        <v>9</v>
      </c>
      <c r="B14" s="2" t="s">
        <v>40</v>
      </c>
      <c r="C14" s="134" t="s">
        <v>41</v>
      </c>
      <c r="D14" s="135">
        <v>8432</v>
      </c>
      <c r="E14" s="135">
        <v>8601</v>
      </c>
      <c r="F14" s="135">
        <v>0</v>
      </c>
      <c r="G14" s="135">
        <v>6</v>
      </c>
      <c r="H14" s="135">
        <v>1</v>
      </c>
      <c r="I14" s="135">
        <v>2</v>
      </c>
      <c r="J14" s="135">
        <v>12810</v>
      </c>
      <c r="K14" s="135">
        <v>13106</v>
      </c>
      <c r="L14" s="135">
        <v>12809</v>
      </c>
      <c r="M14" s="135">
        <v>13098</v>
      </c>
      <c r="N14" s="135">
        <v>5573</v>
      </c>
      <c r="O14" s="135">
        <v>5717</v>
      </c>
      <c r="P14" s="135">
        <v>1</v>
      </c>
      <c r="Q14" s="135">
        <v>8</v>
      </c>
      <c r="R14" s="135">
        <v>0</v>
      </c>
      <c r="S14" s="135">
        <v>0</v>
      </c>
      <c r="T14" s="135">
        <v>1</v>
      </c>
      <c r="U14" s="135">
        <v>8</v>
      </c>
      <c r="V14" s="135">
        <v>4411</v>
      </c>
      <c r="W14" s="135">
        <v>4510</v>
      </c>
      <c r="X14" s="135">
        <v>6</v>
      </c>
      <c r="Y14" s="136">
        <v>2</v>
      </c>
    </row>
    <row r="15" spans="1:25" s="113" customFormat="1" ht="14.1" customHeight="1" x14ac:dyDescent="0.15">
      <c r="A15" s="130">
        <v>10</v>
      </c>
      <c r="B15" s="2" t="s">
        <v>42</v>
      </c>
      <c r="C15" s="134" t="s">
        <v>43</v>
      </c>
      <c r="D15" s="135">
        <v>101519</v>
      </c>
      <c r="E15" s="135">
        <v>103402</v>
      </c>
      <c r="F15" s="135">
        <v>6</v>
      </c>
      <c r="G15" s="135">
        <v>58</v>
      </c>
      <c r="H15" s="135">
        <v>1</v>
      </c>
      <c r="I15" s="135">
        <v>22</v>
      </c>
      <c r="J15" s="135">
        <v>153346</v>
      </c>
      <c r="K15" s="135">
        <v>157523</v>
      </c>
      <c r="L15" s="135">
        <v>153339</v>
      </c>
      <c r="M15" s="135">
        <v>157435</v>
      </c>
      <c r="N15" s="135">
        <v>64983</v>
      </c>
      <c r="O15" s="135">
        <v>66406</v>
      </c>
      <c r="P15" s="135">
        <v>7</v>
      </c>
      <c r="Q15" s="135">
        <v>81</v>
      </c>
      <c r="R15" s="135">
        <v>0</v>
      </c>
      <c r="S15" s="135">
        <v>7</v>
      </c>
      <c r="T15" s="135">
        <v>7</v>
      </c>
      <c r="U15" s="135">
        <v>88</v>
      </c>
      <c r="V15" s="135">
        <v>49082</v>
      </c>
      <c r="W15" s="135">
        <v>50588</v>
      </c>
      <c r="X15" s="135">
        <v>59</v>
      </c>
      <c r="Y15" s="136">
        <v>0</v>
      </c>
    </row>
    <row r="16" spans="1:25" s="113" customFormat="1" ht="14.1" customHeight="1" x14ac:dyDescent="0.15">
      <c r="A16" s="130">
        <v>11</v>
      </c>
      <c r="B16" s="2" t="s">
        <v>44</v>
      </c>
      <c r="C16" s="134" t="s">
        <v>45</v>
      </c>
      <c r="D16" s="135">
        <v>7577</v>
      </c>
      <c r="E16" s="135">
        <v>7754</v>
      </c>
      <c r="F16" s="135">
        <v>0</v>
      </c>
      <c r="G16" s="135">
        <v>7</v>
      </c>
      <c r="H16" s="135">
        <v>2</v>
      </c>
      <c r="I16" s="135">
        <v>5</v>
      </c>
      <c r="J16" s="135">
        <v>12698</v>
      </c>
      <c r="K16" s="135">
        <v>13102</v>
      </c>
      <c r="L16" s="135">
        <v>12696</v>
      </c>
      <c r="M16" s="135">
        <v>13090</v>
      </c>
      <c r="N16" s="135">
        <v>5662</v>
      </c>
      <c r="O16" s="135">
        <v>5763</v>
      </c>
      <c r="P16" s="135">
        <v>2</v>
      </c>
      <c r="Q16" s="135">
        <v>12</v>
      </c>
      <c r="R16" s="135">
        <v>0</v>
      </c>
      <c r="S16" s="135">
        <v>0</v>
      </c>
      <c r="T16" s="135">
        <v>2</v>
      </c>
      <c r="U16" s="135">
        <v>12</v>
      </c>
      <c r="V16" s="135">
        <v>4164</v>
      </c>
      <c r="W16" s="135">
        <v>4353</v>
      </c>
      <c r="X16" s="135">
        <v>6</v>
      </c>
      <c r="Y16" s="136">
        <v>3</v>
      </c>
    </row>
    <row r="17" spans="1:25" s="113" customFormat="1" ht="14.1" customHeight="1" x14ac:dyDescent="0.15">
      <c r="A17" s="130">
        <v>12</v>
      </c>
      <c r="B17" s="2" t="s">
        <v>46</v>
      </c>
      <c r="C17" s="134" t="s">
        <v>45</v>
      </c>
      <c r="D17" s="135">
        <v>24384</v>
      </c>
      <c r="E17" s="135">
        <v>24666</v>
      </c>
      <c r="F17" s="135">
        <v>1</v>
      </c>
      <c r="G17" s="135">
        <v>14</v>
      </c>
      <c r="H17" s="135">
        <v>2</v>
      </c>
      <c r="I17" s="135">
        <v>11</v>
      </c>
      <c r="J17" s="135">
        <v>37788</v>
      </c>
      <c r="K17" s="135">
        <v>38569</v>
      </c>
      <c r="L17" s="135">
        <v>37785</v>
      </c>
      <c r="M17" s="135">
        <v>38542</v>
      </c>
      <c r="N17" s="135">
        <v>18512</v>
      </c>
      <c r="O17" s="135">
        <v>18773</v>
      </c>
      <c r="P17" s="135">
        <v>3</v>
      </c>
      <c r="Q17" s="135">
        <v>25</v>
      </c>
      <c r="R17" s="135">
        <v>0</v>
      </c>
      <c r="S17" s="135">
        <v>2</v>
      </c>
      <c r="T17" s="135">
        <v>3</v>
      </c>
      <c r="U17" s="135">
        <v>27</v>
      </c>
      <c r="V17" s="135">
        <v>10734</v>
      </c>
      <c r="W17" s="135">
        <v>11070</v>
      </c>
      <c r="X17" s="135">
        <v>11</v>
      </c>
      <c r="Y17" s="136">
        <v>1</v>
      </c>
    </row>
    <row r="18" spans="1:25" s="113" customFormat="1" ht="14.1" customHeight="1" x14ac:dyDescent="0.15">
      <c r="A18" s="130">
        <v>13</v>
      </c>
      <c r="B18" s="2" t="s">
        <v>47</v>
      </c>
      <c r="C18" s="134" t="s">
        <v>48</v>
      </c>
      <c r="D18" s="135">
        <v>31359</v>
      </c>
      <c r="E18" s="135">
        <v>31918</v>
      </c>
      <c r="F18" s="135">
        <v>3</v>
      </c>
      <c r="G18" s="135">
        <v>21</v>
      </c>
      <c r="H18" s="135">
        <v>1</v>
      </c>
      <c r="I18" s="135">
        <v>16</v>
      </c>
      <c r="J18" s="135">
        <v>48803</v>
      </c>
      <c r="K18" s="135">
        <v>50176</v>
      </c>
      <c r="L18" s="135">
        <v>48798</v>
      </c>
      <c r="M18" s="135">
        <v>50136</v>
      </c>
      <c r="N18" s="135">
        <v>21408</v>
      </c>
      <c r="O18" s="135">
        <v>21846</v>
      </c>
      <c r="P18" s="135">
        <v>4</v>
      </c>
      <c r="Q18" s="135">
        <v>37</v>
      </c>
      <c r="R18" s="135">
        <v>1</v>
      </c>
      <c r="S18" s="135">
        <v>3</v>
      </c>
      <c r="T18" s="135">
        <v>5</v>
      </c>
      <c r="U18" s="135">
        <v>40</v>
      </c>
      <c r="V18" s="135">
        <v>14824</v>
      </c>
      <c r="W18" s="135">
        <v>15383</v>
      </c>
      <c r="X18" s="135">
        <v>22</v>
      </c>
      <c r="Y18" s="136">
        <v>0</v>
      </c>
    </row>
    <row r="19" spans="1:25" s="113" customFormat="1" ht="14.1" customHeight="1" x14ac:dyDescent="0.15">
      <c r="A19" s="130">
        <v>14</v>
      </c>
      <c r="B19" s="2" t="s">
        <v>49</v>
      </c>
      <c r="C19" s="134" t="s">
        <v>50</v>
      </c>
      <c r="D19" s="135">
        <v>32962</v>
      </c>
      <c r="E19" s="135">
        <v>33309</v>
      </c>
      <c r="F19" s="135">
        <v>0</v>
      </c>
      <c r="G19" s="135">
        <v>9</v>
      </c>
      <c r="H19" s="135">
        <v>3</v>
      </c>
      <c r="I19" s="135">
        <v>8</v>
      </c>
      <c r="J19" s="135">
        <v>49607</v>
      </c>
      <c r="K19" s="135">
        <v>50540</v>
      </c>
      <c r="L19" s="135">
        <v>49604</v>
      </c>
      <c r="M19" s="135">
        <v>50523</v>
      </c>
      <c r="N19" s="135">
        <v>19539</v>
      </c>
      <c r="O19" s="135">
        <v>19903</v>
      </c>
      <c r="P19" s="135">
        <v>3</v>
      </c>
      <c r="Q19" s="135">
        <v>17</v>
      </c>
      <c r="R19" s="135">
        <v>0</v>
      </c>
      <c r="S19" s="135">
        <v>0</v>
      </c>
      <c r="T19" s="135">
        <v>3</v>
      </c>
      <c r="U19" s="135">
        <v>17</v>
      </c>
      <c r="V19" s="135">
        <v>16483</v>
      </c>
      <c r="W19" s="135">
        <v>16810</v>
      </c>
      <c r="X19" s="135">
        <v>14</v>
      </c>
      <c r="Y19" s="136">
        <v>7</v>
      </c>
    </row>
    <row r="20" spans="1:25" s="113" customFormat="1" ht="14.1" customHeight="1" x14ac:dyDescent="0.15">
      <c r="A20" s="130">
        <v>15</v>
      </c>
      <c r="B20" s="2" t="s">
        <v>51</v>
      </c>
      <c r="C20" s="134" t="s">
        <v>52</v>
      </c>
      <c r="D20" s="135">
        <v>13095</v>
      </c>
      <c r="E20" s="135">
        <v>13315</v>
      </c>
      <c r="F20" s="135">
        <v>0</v>
      </c>
      <c r="G20" s="135">
        <v>16</v>
      </c>
      <c r="H20" s="135">
        <v>0</v>
      </c>
      <c r="I20" s="135">
        <v>8</v>
      </c>
      <c r="J20" s="135">
        <v>20331</v>
      </c>
      <c r="K20" s="135">
        <v>20842</v>
      </c>
      <c r="L20" s="135">
        <v>20331</v>
      </c>
      <c r="M20" s="135">
        <v>20816</v>
      </c>
      <c r="N20" s="135">
        <v>9488</v>
      </c>
      <c r="O20" s="135">
        <v>9618</v>
      </c>
      <c r="P20" s="135">
        <v>0</v>
      </c>
      <c r="Q20" s="135">
        <v>24</v>
      </c>
      <c r="R20" s="135">
        <v>0</v>
      </c>
      <c r="S20" s="135">
        <v>2</v>
      </c>
      <c r="T20" s="135">
        <v>0</v>
      </c>
      <c r="U20" s="135">
        <v>26</v>
      </c>
      <c r="V20" s="135">
        <v>6231</v>
      </c>
      <c r="W20" s="135">
        <v>6439</v>
      </c>
      <c r="X20" s="135">
        <v>9</v>
      </c>
      <c r="Y20" s="136">
        <v>2</v>
      </c>
    </row>
    <row r="21" spans="1:25" s="113" customFormat="1" ht="14.1" customHeight="1" x14ac:dyDescent="0.15">
      <c r="A21" s="130">
        <v>16</v>
      </c>
      <c r="B21" s="2" t="s">
        <v>53</v>
      </c>
      <c r="C21" s="134" t="s">
        <v>54</v>
      </c>
      <c r="D21" s="135">
        <v>17488</v>
      </c>
      <c r="E21" s="135">
        <v>17711</v>
      </c>
      <c r="F21" s="135">
        <v>0</v>
      </c>
      <c r="G21" s="135">
        <v>6</v>
      </c>
      <c r="H21" s="135">
        <v>0</v>
      </c>
      <c r="I21" s="135">
        <v>4</v>
      </c>
      <c r="J21" s="135">
        <v>27178</v>
      </c>
      <c r="K21" s="135">
        <v>27739</v>
      </c>
      <c r="L21" s="135">
        <v>27178</v>
      </c>
      <c r="M21" s="135">
        <v>27729</v>
      </c>
      <c r="N21" s="135">
        <v>12269</v>
      </c>
      <c r="O21" s="135">
        <v>12462</v>
      </c>
      <c r="P21" s="135">
        <v>0</v>
      </c>
      <c r="Q21" s="135">
        <v>10</v>
      </c>
      <c r="R21" s="135">
        <v>0</v>
      </c>
      <c r="S21" s="135">
        <v>0</v>
      </c>
      <c r="T21" s="135">
        <v>0</v>
      </c>
      <c r="U21" s="135">
        <v>10</v>
      </c>
      <c r="V21" s="135">
        <v>8296</v>
      </c>
      <c r="W21" s="135">
        <v>8573</v>
      </c>
      <c r="X21" s="135">
        <v>10</v>
      </c>
      <c r="Y21" s="136">
        <v>8</v>
      </c>
    </row>
    <row r="22" spans="1:25" s="113" customFormat="1" ht="14.1" customHeight="1" x14ac:dyDescent="0.15">
      <c r="A22" s="130">
        <v>17</v>
      </c>
      <c r="B22" s="2" t="s">
        <v>55</v>
      </c>
      <c r="C22" s="134" t="s">
        <v>56</v>
      </c>
      <c r="D22" s="135">
        <v>18672</v>
      </c>
      <c r="E22" s="135">
        <v>18993</v>
      </c>
      <c r="F22" s="135">
        <v>0</v>
      </c>
      <c r="G22" s="135">
        <v>7</v>
      </c>
      <c r="H22" s="135">
        <v>1</v>
      </c>
      <c r="I22" s="135">
        <v>8</v>
      </c>
      <c r="J22" s="135">
        <v>28214</v>
      </c>
      <c r="K22" s="135">
        <v>28940</v>
      </c>
      <c r="L22" s="135">
        <v>28213</v>
      </c>
      <c r="M22" s="135">
        <v>28924</v>
      </c>
      <c r="N22" s="135">
        <v>11842</v>
      </c>
      <c r="O22" s="135">
        <v>12102</v>
      </c>
      <c r="P22" s="135">
        <v>1</v>
      </c>
      <c r="Q22" s="135">
        <v>15</v>
      </c>
      <c r="R22" s="135">
        <v>0</v>
      </c>
      <c r="S22" s="135">
        <v>1</v>
      </c>
      <c r="T22" s="135">
        <v>1</v>
      </c>
      <c r="U22" s="135">
        <v>16</v>
      </c>
      <c r="V22" s="135">
        <v>9106</v>
      </c>
      <c r="W22" s="135">
        <v>9390</v>
      </c>
      <c r="X22" s="135">
        <v>18</v>
      </c>
      <c r="Y22" s="136">
        <v>0</v>
      </c>
    </row>
    <row r="23" spans="1:25" s="113" customFormat="1" ht="14.1" customHeight="1" x14ac:dyDescent="0.15">
      <c r="A23" s="130">
        <v>18</v>
      </c>
      <c r="B23" s="2" t="s">
        <v>57</v>
      </c>
      <c r="C23" s="134" t="s">
        <v>41</v>
      </c>
      <c r="D23" s="135">
        <v>5609</v>
      </c>
      <c r="E23" s="135">
        <v>5690</v>
      </c>
      <c r="F23" s="135">
        <v>3</v>
      </c>
      <c r="G23" s="135">
        <v>8</v>
      </c>
      <c r="H23" s="135">
        <v>2</v>
      </c>
      <c r="I23" s="135">
        <v>10</v>
      </c>
      <c r="J23" s="135">
        <v>8700</v>
      </c>
      <c r="K23" s="135">
        <v>8905</v>
      </c>
      <c r="L23" s="135">
        <v>8693</v>
      </c>
      <c r="M23" s="135">
        <v>8884</v>
      </c>
      <c r="N23" s="135">
        <v>4279</v>
      </c>
      <c r="O23" s="135">
        <v>4317</v>
      </c>
      <c r="P23" s="135">
        <v>5</v>
      </c>
      <c r="Q23" s="135">
        <v>18</v>
      </c>
      <c r="R23" s="135">
        <v>2</v>
      </c>
      <c r="S23" s="135">
        <v>3</v>
      </c>
      <c r="T23" s="135">
        <v>7</v>
      </c>
      <c r="U23" s="135">
        <v>21</v>
      </c>
      <c r="V23" s="135">
        <v>2648</v>
      </c>
      <c r="W23" s="135">
        <v>2760</v>
      </c>
      <c r="X23" s="135">
        <v>4</v>
      </c>
      <c r="Y23" s="136">
        <v>3</v>
      </c>
    </row>
    <row r="24" spans="1:25" s="113" customFormat="1" ht="14.1" customHeight="1" x14ac:dyDescent="0.15">
      <c r="A24" s="130">
        <v>19</v>
      </c>
      <c r="B24" s="2" t="s">
        <v>58</v>
      </c>
      <c r="C24" s="134" t="s">
        <v>33</v>
      </c>
      <c r="D24" s="135">
        <v>4827</v>
      </c>
      <c r="E24" s="135">
        <v>4928</v>
      </c>
      <c r="F24" s="135">
        <v>1</v>
      </c>
      <c r="G24" s="135">
        <v>2</v>
      </c>
      <c r="H24" s="135">
        <v>0</v>
      </c>
      <c r="I24" s="135">
        <v>1</v>
      </c>
      <c r="J24" s="135">
        <v>7803</v>
      </c>
      <c r="K24" s="135">
        <v>8030</v>
      </c>
      <c r="L24" s="135">
        <v>7802</v>
      </c>
      <c r="M24" s="135">
        <v>8026</v>
      </c>
      <c r="N24" s="135">
        <v>3189</v>
      </c>
      <c r="O24" s="135">
        <v>3290</v>
      </c>
      <c r="P24" s="135">
        <v>1</v>
      </c>
      <c r="Q24" s="135">
        <v>3</v>
      </c>
      <c r="R24" s="135">
        <v>0</v>
      </c>
      <c r="S24" s="135">
        <v>1</v>
      </c>
      <c r="T24" s="135">
        <v>1</v>
      </c>
      <c r="U24" s="135">
        <v>4</v>
      </c>
      <c r="V24" s="135">
        <v>2776</v>
      </c>
      <c r="W24" s="135">
        <v>2839</v>
      </c>
      <c r="X24" s="135">
        <v>5</v>
      </c>
      <c r="Y24" s="136">
        <v>0</v>
      </c>
    </row>
    <row r="25" spans="1:25" s="113" customFormat="1" ht="14.1" customHeight="1" x14ac:dyDescent="0.15">
      <c r="A25" s="130">
        <v>20</v>
      </c>
      <c r="B25" s="3" t="s">
        <v>59</v>
      </c>
      <c r="C25" s="137" t="s">
        <v>43</v>
      </c>
      <c r="D25" s="135">
        <v>6620</v>
      </c>
      <c r="E25" s="135">
        <v>6681</v>
      </c>
      <c r="F25" s="135">
        <v>0</v>
      </c>
      <c r="G25" s="135">
        <v>3</v>
      </c>
      <c r="H25" s="135">
        <v>0</v>
      </c>
      <c r="I25" s="135">
        <v>3</v>
      </c>
      <c r="J25" s="135">
        <v>10627</v>
      </c>
      <c r="K25" s="135">
        <v>10798</v>
      </c>
      <c r="L25" s="135">
        <v>10627</v>
      </c>
      <c r="M25" s="135">
        <v>10791</v>
      </c>
      <c r="N25" s="135">
        <v>4904</v>
      </c>
      <c r="O25" s="135">
        <v>4990</v>
      </c>
      <c r="P25" s="135">
        <v>0</v>
      </c>
      <c r="Q25" s="135">
        <v>6</v>
      </c>
      <c r="R25" s="135">
        <v>0</v>
      </c>
      <c r="S25" s="135">
        <v>1</v>
      </c>
      <c r="T25" s="135">
        <v>0</v>
      </c>
      <c r="U25" s="135">
        <v>7</v>
      </c>
      <c r="V25" s="135">
        <v>3165</v>
      </c>
      <c r="W25" s="135">
        <v>3191</v>
      </c>
      <c r="X25" s="135">
        <v>8</v>
      </c>
      <c r="Y25" s="136">
        <v>3</v>
      </c>
    </row>
    <row r="26" spans="1:25" s="113" customFormat="1" ht="14.1" customHeight="1" x14ac:dyDescent="0.15">
      <c r="A26" s="138">
        <v>21</v>
      </c>
      <c r="B26" s="4" t="s">
        <v>60</v>
      </c>
      <c r="C26" s="139" t="s">
        <v>56</v>
      </c>
      <c r="D26" s="135">
        <v>12220</v>
      </c>
      <c r="E26" s="135">
        <v>12368</v>
      </c>
      <c r="F26" s="135">
        <v>0</v>
      </c>
      <c r="G26" s="135">
        <v>7</v>
      </c>
      <c r="H26" s="135">
        <v>1</v>
      </c>
      <c r="I26" s="135">
        <v>7</v>
      </c>
      <c r="J26" s="135">
        <v>19482</v>
      </c>
      <c r="K26" s="135">
        <v>19928</v>
      </c>
      <c r="L26" s="135">
        <v>19481</v>
      </c>
      <c r="M26" s="135">
        <v>19913</v>
      </c>
      <c r="N26" s="135">
        <v>8311</v>
      </c>
      <c r="O26" s="135">
        <v>8565</v>
      </c>
      <c r="P26" s="135">
        <v>1</v>
      </c>
      <c r="Q26" s="135">
        <v>14</v>
      </c>
      <c r="R26" s="135">
        <v>0</v>
      </c>
      <c r="S26" s="135">
        <v>1</v>
      </c>
      <c r="T26" s="135">
        <v>1</v>
      </c>
      <c r="U26" s="135">
        <v>15</v>
      </c>
      <c r="V26" s="135">
        <v>5752</v>
      </c>
      <c r="W26" s="135">
        <v>5891</v>
      </c>
      <c r="X26" s="135">
        <v>9</v>
      </c>
      <c r="Y26" s="136">
        <v>2</v>
      </c>
    </row>
    <row r="27" spans="1:25" s="113" customFormat="1" ht="14.1" customHeight="1" x14ac:dyDescent="0.15">
      <c r="A27" s="138">
        <v>22</v>
      </c>
      <c r="B27" s="2" t="s">
        <v>61</v>
      </c>
      <c r="C27" s="134" t="s">
        <v>52</v>
      </c>
      <c r="D27" s="135">
        <v>4936</v>
      </c>
      <c r="E27" s="135">
        <v>5036</v>
      </c>
      <c r="F27" s="135">
        <v>0</v>
      </c>
      <c r="G27" s="135">
        <v>1</v>
      </c>
      <c r="H27" s="135">
        <v>0</v>
      </c>
      <c r="I27" s="135">
        <v>1</v>
      </c>
      <c r="J27" s="135">
        <v>7620</v>
      </c>
      <c r="K27" s="135">
        <v>7867</v>
      </c>
      <c r="L27" s="135">
        <v>7620</v>
      </c>
      <c r="M27" s="135">
        <v>7864</v>
      </c>
      <c r="N27" s="135">
        <v>3890</v>
      </c>
      <c r="O27" s="135">
        <v>3953</v>
      </c>
      <c r="P27" s="135">
        <v>0</v>
      </c>
      <c r="Q27" s="135">
        <v>3</v>
      </c>
      <c r="R27" s="135">
        <v>0</v>
      </c>
      <c r="S27" s="135">
        <v>0</v>
      </c>
      <c r="T27" s="135">
        <v>0</v>
      </c>
      <c r="U27" s="135">
        <v>3</v>
      </c>
      <c r="V27" s="135">
        <v>2340</v>
      </c>
      <c r="W27" s="135">
        <v>2450</v>
      </c>
      <c r="X27" s="135">
        <v>4</v>
      </c>
      <c r="Y27" s="136">
        <v>4</v>
      </c>
    </row>
    <row r="28" spans="1:25" s="113" customFormat="1" ht="14.1" customHeight="1" x14ac:dyDescent="0.15">
      <c r="A28" s="130">
        <v>23</v>
      </c>
      <c r="B28" s="2" t="s">
        <v>62</v>
      </c>
      <c r="C28" s="134" t="s">
        <v>63</v>
      </c>
      <c r="D28" s="135">
        <v>4160</v>
      </c>
      <c r="E28" s="135">
        <v>4231</v>
      </c>
      <c r="F28" s="135">
        <v>1</v>
      </c>
      <c r="G28" s="135">
        <v>4</v>
      </c>
      <c r="H28" s="135">
        <v>0</v>
      </c>
      <c r="I28" s="135">
        <v>5</v>
      </c>
      <c r="J28" s="135">
        <v>6428</v>
      </c>
      <c r="K28" s="135">
        <v>6630</v>
      </c>
      <c r="L28" s="135">
        <v>6427</v>
      </c>
      <c r="M28" s="135">
        <v>6621</v>
      </c>
      <c r="N28" s="135">
        <v>3218</v>
      </c>
      <c r="O28" s="135">
        <v>3296</v>
      </c>
      <c r="P28" s="135">
        <v>1</v>
      </c>
      <c r="Q28" s="135">
        <v>9</v>
      </c>
      <c r="R28" s="135">
        <v>0</v>
      </c>
      <c r="S28" s="135">
        <v>0</v>
      </c>
      <c r="T28" s="135">
        <v>1</v>
      </c>
      <c r="U28" s="135">
        <v>9</v>
      </c>
      <c r="V28" s="135">
        <v>1995</v>
      </c>
      <c r="W28" s="135">
        <v>2053</v>
      </c>
      <c r="X28" s="135">
        <v>3</v>
      </c>
      <c r="Y28" s="136">
        <v>3</v>
      </c>
    </row>
    <row r="29" spans="1:25" s="113" customFormat="1" ht="14.1" customHeight="1" x14ac:dyDescent="0.15">
      <c r="A29" s="130">
        <v>24</v>
      </c>
      <c r="B29" s="2" t="s">
        <v>64</v>
      </c>
      <c r="C29" s="134" t="s">
        <v>65</v>
      </c>
      <c r="D29" s="135">
        <v>1466</v>
      </c>
      <c r="E29" s="135">
        <v>1478</v>
      </c>
      <c r="F29" s="135">
        <v>0</v>
      </c>
      <c r="G29" s="135">
        <v>3</v>
      </c>
      <c r="H29" s="135">
        <v>0</v>
      </c>
      <c r="I29" s="135">
        <v>2</v>
      </c>
      <c r="J29" s="135">
        <v>2423</v>
      </c>
      <c r="K29" s="135">
        <v>2474</v>
      </c>
      <c r="L29" s="135">
        <v>2423</v>
      </c>
      <c r="M29" s="135">
        <v>2469</v>
      </c>
      <c r="N29" s="135">
        <v>1291</v>
      </c>
      <c r="O29" s="135">
        <v>1308</v>
      </c>
      <c r="P29" s="135">
        <v>0</v>
      </c>
      <c r="Q29" s="135">
        <v>5</v>
      </c>
      <c r="R29" s="135">
        <v>0</v>
      </c>
      <c r="S29" s="135">
        <v>0</v>
      </c>
      <c r="T29" s="135">
        <v>0</v>
      </c>
      <c r="U29" s="135">
        <v>5</v>
      </c>
      <c r="V29" s="135">
        <v>674</v>
      </c>
      <c r="W29" s="135">
        <v>696</v>
      </c>
      <c r="X29" s="135">
        <v>0</v>
      </c>
      <c r="Y29" s="136">
        <v>1</v>
      </c>
    </row>
    <row r="30" spans="1:25" s="113" customFormat="1" ht="14.1" customHeight="1" x14ac:dyDescent="0.15">
      <c r="A30" s="130">
        <v>25</v>
      </c>
      <c r="B30" s="2" t="s">
        <v>66</v>
      </c>
      <c r="C30" s="134" t="s">
        <v>67</v>
      </c>
      <c r="D30" s="135">
        <v>2289</v>
      </c>
      <c r="E30" s="135">
        <v>2305</v>
      </c>
      <c r="F30" s="135">
        <v>0</v>
      </c>
      <c r="G30" s="135">
        <v>1</v>
      </c>
      <c r="H30" s="135">
        <v>0</v>
      </c>
      <c r="I30" s="135">
        <v>2</v>
      </c>
      <c r="J30" s="135">
        <v>3717</v>
      </c>
      <c r="K30" s="135">
        <v>3785</v>
      </c>
      <c r="L30" s="135">
        <v>3717</v>
      </c>
      <c r="M30" s="135">
        <v>3782</v>
      </c>
      <c r="N30" s="135">
        <v>1778</v>
      </c>
      <c r="O30" s="135">
        <v>1790</v>
      </c>
      <c r="P30" s="135">
        <v>0</v>
      </c>
      <c r="Q30" s="135">
        <v>3</v>
      </c>
      <c r="R30" s="135">
        <v>0</v>
      </c>
      <c r="S30" s="135">
        <v>0</v>
      </c>
      <c r="T30" s="135">
        <v>0</v>
      </c>
      <c r="U30" s="135">
        <v>3</v>
      </c>
      <c r="V30" s="135">
        <v>1085</v>
      </c>
      <c r="W30" s="135">
        <v>1122</v>
      </c>
      <c r="X30" s="135">
        <v>3</v>
      </c>
      <c r="Y30" s="136">
        <v>0</v>
      </c>
    </row>
    <row r="31" spans="1:25" s="113" customFormat="1" ht="14.1" customHeight="1" x14ac:dyDescent="0.15">
      <c r="A31" s="130">
        <v>26</v>
      </c>
      <c r="B31" s="2" t="s">
        <v>68</v>
      </c>
      <c r="C31" s="134" t="s">
        <v>67</v>
      </c>
      <c r="D31" s="135">
        <v>1616</v>
      </c>
      <c r="E31" s="135">
        <v>1644</v>
      </c>
      <c r="F31" s="135">
        <v>1</v>
      </c>
      <c r="G31" s="135">
        <v>5</v>
      </c>
      <c r="H31" s="135">
        <v>0</v>
      </c>
      <c r="I31" s="135">
        <v>4</v>
      </c>
      <c r="J31" s="135">
        <v>2478</v>
      </c>
      <c r="K31" s="135">
        <v>2515</v>
      </c>
      <c r="L31" s="135">
        <v>2477</v>
      </c>
      <c r="M31" s="135">
        <v>2504</v>
      </c>
      <c r="N31" s="135">
        <v>1264</v>
      </c>
      <c r="O31" s="135">
        <v>1273</v>
      </c>
      <c r="P31" s="135">
        <v>1</v>
      </c>
      <c r="Q31" s="135">
        <v>9</v>
      </c>
      <c r="R31" s="135">
        <v>0</v>
      </c>
      <c r="S31" s="135">
        <v>2</v>
      </c>
      <c r="T31" s="135">
        <v>1</v>
      </c>
      <c r="U31" s="135">
        <v>11</v>
      </c>
      <c r="V31" s="135">
        <v>770</v>
      </c>
      <c r="W31" s="135">
        <v>795</v>
      </c>
      <c r="X31" s="135">
        <v>2</v>
      </c>
      <c r="Y31" s="136">
        <v>1</v>
      </c>
    </row>
    <row r="32" spans="1:25" s="113" customFormat="1" ht="14.1" customHeight="1" x14ac:dyDescent="0.15">
      <c r="A32" s="130">
        <v>27</v>
      </c>
      <c r="B32" s="2" t="s">
        <v>69</v>
      </c>
      <c r="C32" s="134" t="s">
        <v>48</v>
      </c>
      <c r="D32" s="135">
        <v>1715</v>
      </c>
      <c r="E32" s="135">
        <v>1740</v>
      </c>
      <c r="F32" s="135">
        <v>0</v>
      </c>
      <c r="G32" s="135">
        <v>1</v>
      </c>
      <c r="H32" s="135">
        <v>0</v>
      </c>
      <c r="I32" s="135">
        <v>0</v>
      </c>
      <c r="J32" s="135">
        <v>2603</v>
      </c>
      <c r="K32" s="135">
        <v>2686</v>
      </c>
      <c r="L32" s="135">
        <v>2603</v>
      </c>
      <c r="M32" s="135">
        <v>2684</v>
      </c>
      <c r="N32" s="135">
        <v>1496</v>
      </c>
      <c r="O32" s="135">
        <v>1529</v>
      </c>
      <c r="P32" s="135">
        <v>0</v>
      </c>
      <c r="Q32" s="135">
        <v>2</v>
      </c>
      <c r="R32" s="135">
        <v>0</v>
      </c>
      <c r="S32" s="135">
        <v>0</v>
      </c>
      <c r="T32" s="135">
        <v>0</v>
      </c>
      <c r="U32" s="135">
        <v>2</v>
      </c>
      <c r="V32" s="135">
        <v>732</v>
      </c>
      <c r="W32" s="135">
        <v>763</v>
      </c>
      <c r="X32" s="135">
        <v>0</v>
      </c>
      <c r="Y32" s="136">
        <v>3</v>
      </c>
    </row>
    <row r="33" spans="1:25" s="113" customFormat="1" ht="14.1" customHeight="1" x14ac:dyDescent="0.15">
      <c r="A33" s="130">
        <v>28</v>
      </c>
      <c r="B33" s="2" t="s">
        <v>70</v>
      </c>
      <c r="C33" s="134" t="s">
        <v>48</v>
      </c>
      <c r="D33" s="135">
        <v>1987</v>
      </c>
      <c r="E33" s="135">
        <v>2014</v>
      </c>
      <c r="F33" s="135">
        <v>1</v>
      </c>
      <c r="G33" s="135">
        <v>5</v>
      </c>
      <c r="H33" s="135">
        <v>0</v>
      </c>
      <c r="I33" s="135">
        <v>3</v>
      </c>
      <c r="J33" s="135">
        <v>3155</v>
      </c>
      <c r="K33" s="135">
        <v>3219</v>
      </c>
      <c r="L33" s="135">
        <v>3154</v>
      </c>
      <c r="M33" s="135">
        <v>3212</v>
      </c>
      <c r="N33" s="135">
        <v>1512</v>
      </c>
      <c r="O33" s="135">
        <v>1527</v>
      </c>
      <c r="P33" s="135">
        <v>1</v>
      </c>
      <c r="Q33" s="135">
        <v>7</v>
      </c>
      <c r="R33" s="135">
        <v>0</v>
      </c>
      <c r="S33" s="135">
        <v>0</v>
      </c>
      <c r="T33" s="135">
        <v>1</v>
      </c>
      <c r="U33" s="135">
        <v>7</v>
      </c>
      <c r="V33" s="135">
        <v>940</v>
      </c>
      <c r="W33" s="135">
        <v>975</v>
      </c>
      <c r="X33" s="135">
        <v>1</v>
      </c>
      <c r="Y33" s="136">
        <v>2</v>
      </c>
    </row>
    <row r="34" spans="1:25" s="113" customFormat="1" ht="14.1" customHeight="1" x14ac:dyDescent="0.15">
      <c r="A34" s="130">
        <v>29</v>
      </c>
      <c r="B34" s="2" t="s">
        <v>71</v>
      </c>
      <c r="C34" s="134" t="s">
        <v>72</v>
      </c>
      <c r="D34" s="135">
        <v>1997</v>
      </c>
      <c r="E34" s="135">
        <v>2091</v>
      </c>
      <c r="F34" s="135">
        <v>0</v>
      </c>
      <c r="G34" s="135">
        <v>2</v>
      </c>
      <c r="H34" s="135">
        <v>1</v>
      </c>
      <c r="I34" s="135">
        <v>2</v>
      </c>
      <c r="J34" s="135">
        <v>2784</v>
      </c>
      <c r="K34" s="135">
        <v>2916</v>
      </c>
      <c r="L34" s="135">
        <v>2782</v>
      </c>
      <c r="M34" s="135">
        <v>2911</v>
      </c>
      <c r="N34" s="135">
        <v>1290</v>
      </c>
      <c r="O34" s="135">
        <v>1319</v>
      </c>
      <c r="P34" s="135">
        <v>1</v>
      </c>
      <c r="Q34" s="135">
        <v>4</v>
      </c>
      <c r="R34" s="135">
        <v>1</v>
      </c>
      <c r="S34" s="135">
        <v>1</v>
      </c>
      <c r="T34" s="135">
        <v>2</v>
      </c>
      <c r="U34" s="135">
        <v>5</v>
      </c>
      <c r="V34" s="135">
        <v>905</v>
      </c>
      <c r="W34" s="135">
        <v>946</v>
      </c>
      <c r="X34" s="135">
        <v>8</v>
      </c>
      <c r="Y34" s="136">
        <v>2</v>
      </c>
    </row>
    <row r="35" spans="1:25" s="113" customFormat="1" ht="14.1" customHeight="1" x14ac:dyDescent="0.15">
      <c r="A35" s="130">
        <v>30</v>
      </c>
      <c r="B35" s="2" t="s">
        <v>73</v>
      </c>
      <c r="C35" s="134" t="s">
        <v>72</v>
      </c>
      <c r="D35" s="135">
        <v>1368</v>
      </c>
      <c r="E35" s="135">
        <v>1400</v>
      </c>
      <c r="F35" s="135">
        <v>0</v>
      </c>
      <c r="G35" s="135">
        <v>0</v>
      </c>
      <c r="H35" s="135">
        <v>0</v>
      </c>
      <c r="I35" s="135">
        <v>0</v>
      </c>
      <c r="J35" s="135">
        <v>2130</v>
      </c>
      <c r="K35" s="135">
        <v>2204</v>
      </c>
      <c r="L35" s="135">
        <v>2130</v>
      </c>
      <c r="M35" s="135">
        <v>2204</v>
      </c>
      <c r="N35" s="135">
        <v>1033</v>
      </c>
      <c r="O35" s="135">
        <v>1078</v>
      </c>
      <c r="P35" s="135">
        <v>0</v>
      </c>
      <c r="Q35" s="135">
        <v>0</v>
      </c>
      <c r="R35" s="135">
        <v>0</v>
      </c>
      <c r="S35" s="135">
        <v>0</v>
      </c>
      <c r="T35" s="135">
        <v>0</v>
      </c>
      <c r="U35" s="135">
        <v>0</v>
      </c>
      <c r="V35" s="135">
        <v>712</v>
      </c>
      <c r="W35" s="135">
        <v>731</v>
      </c>
      <c r="X35" s="135">
        <v>2</v>
      </c>
      <c r="Y35" s="136">
        <v>2</v>
      </c>
    </row>
    <row r="36" spans="1:25" s="113" customFormat="1" ht="14.1" customHeight="1" x14ac:dyDescent="0.15">
      <c r="A36" s="130">
        <v>31</v>
      </c>
      <c r="B36" s="2" t="s">
        <v>74</v>
      </c>
      <c r="C36" s="134" t="s">
        <v>75</v>
      </c>
      <c r="D36" s="135">
        <v>4506</v>
      </c>
      <c r="E36" s="135">
        <v>4589</v>
      </c>
      <c r="F36" s="135">
        <v>0</v>
      </c>
      <c r="G36" s="135">
        <v>6</v>
      </c>
      <c r="H36" s="135">
        <v>0</v>
      </c>
      <c r="I36" s="135">
        <v>1</v>
      </c>
      <c r="J36" s="135">
        <v>6737</v>
      </c>
      <c r="K36" s="135">
        <v>6922</v>
      </c>
      <c r="L36" s="135">
        <v>6737</v>
      </c>
      <c r="M36" s="135">
        <v>6916</v>
      </c>
      <c r="N36" s="135">
        <v>3230</v>
      </c>
      <c r="O36" s="135">
        <v>3301</v>
      </c>
      <c r="P36" s="135">
        <v>0</v>
      </c>
      <c r="Q36" s="135">
        <v>6</v>
      </c>
      <c r="R36" s="135">
        <v>0</v>
      </c>
      <c r="S36" s="135">
        <v>0</v>
      </c>
      <c r="T36" s="135">
        <v>0</v>
      </c>
      <c r="U36" s="135">
        <v>6</v>
      </c>
      <c r="V36" s="135">
        <v>2198</v>
      </c>
      <c r="W36" s="135">
        <v>2268</v>
      </c>
      <c r="X36" s="135">
        <v>1</v>
      </c>
      <c r="Y36" s="136">
        <v>3</v>
      </c>
    </row>
    <row r="37" spans="1:25" s="113" customFormat="1" ht="14.1" customHeight="1" x14ac:dyDescent="0.15">
      <c r="A37" s="130">
        <v>32</v>
      </c>
      <c r="B37" s="2" t="s">
        <v>76</v>
      </c>
      <c r="C37" s="134" t="s">
        <v>77</v>
      </c>
      <c r="D37" s="135">
        <v>6526</v>
      </c>
      <c r="E37" s="135">
        <v>6599</v>
      </c>
      <c r="F37" s="135">
        <v>1</v>
      </c>
      <c r="G37" s="135">
        <v>5</v>
      </c>
      <c r="H37" s="135">
        <v>0</v>
      </c>
      <c r="I37" s="135">
        <v>3</v>
      </c>
      <c r="J37" s="135">
        <v>10574</v>
      </c>
      <c r="K37" s="135">
        <v>10815</v>
      </c>
      <c r="L37" s="135">
        <v>10573</v>
      </c>
      <c r="M37" s="135">
        <v>10807</v>
      </c>
      <c r="N37" s="135">
        <v>4697</v>
      </c>
      <c r="O37" s="135">
        <v>4793</v>
      </c>
      <c r="P37" s="135">
        <v>1</v>
      </c>
      <c r="Q37" s="135">
        <v>8</v>
      </c>
      <c r="R37" s="135">
        <v>0</v>
      </c>
      <c r="S37" s="135">
        <v>0</v>
      </c>
      <c r="T37" s="135">
        <v>1</v>
      </c>
      <c r="U37" s="135">
        <v>8</v>
      </c>
      <c r="V37" s="135">
        <v>3236</v>
      </c>
      <c r="W37" s="135">
        <v>3313</v>
      </c>
      <c r="X37" s="135">
        <v>6</v>
      </c>
      <c r="Y37" s="136">
        <v>0</v>
      </c>
    </row>
    <row r="38" spans="1:25" s="113" customFormat="1" ht="14.1" customHeight="1" thickBot="1" x14ac:dyDescent="0.2">
      <c r="A38" s="140">
        <v>33</v>
      </c>
      <c r="B38" s="5" t="s">
        <v>78</v>
      </c>
      <c r="C38" s="141" t="s">
        <v>79</v>
      </c>
      <c r="D38" s="142">
        <v>499</v>
      </c>
      <c r="E38" s="142">
        <v>515</v>
      </c>
      <c r="F38" s="142">
        <v>0</v>
      </c>
      <c r="G38" s="142">
        <v>0</v>
      </c>
      <c r="H38" s="142">
        <v>0</v>
      </c>
      <c r="I38" s="142">
        <v>0</v>
      </c>
      <c r="J38" s="142">
        <v>775</v>
      </c>
      <c r="K38" s="142">
        <v>821</v>
      </c>
      <c r="L38" s="142">
        <v>775</v>
      </c>
      <c r="M38" s="142">
        <v>821</v>
      </c>
      <c r="N38" s="142">
        <v>422</v>
      </c>
      <c r="O38" s="142">
        <v>425</v>
      </c>
      <c r="P38" s="142">
        <v>0</v>
      </c>
      <c r="Q38" s="142">
        <v>0</v>
      </c>
      <c r="R38" s="142">
        <v>0</v>
      </c>
      <c r="S38" s="142">
        <v>0</v>
      </c>
      <c r="T38" s="142">
        <v>0</v>
      </c>
      <c r="U38" s="142">
        <v>0</v>
      </c>
      <c r="V38" s="142">
        <v>231</v>
      </c>
      <c r="W38" s="142">
        <v>258</v>
      </c>
      <c r="X38" s="142">
        <v>0</v>
      </c>
      <c r="Y38" s="143">
        <v>2</v>
      </c>
    </row>
    <row r="39" spans="1:25" s="113" customFormat="1" ht="14.1" customHeight="1" thickTop="1" thickBot="1" x14ac:dyDescent="0.2">
      <c r="A39" s="214" t="s">
        <v>80</v>
      </c>
      <c r="B39" s="215"/>
      <c r="C39" s="141" t="s">
        <v>81</v>
      </c>
      <c r="D39" s="144">
        <v>1196553</v>
      </c>
      <c r="E39" s="144">
        <v>1214176</v>
      </c>
      <c r="F39" s="144">
        <v>30</v>
      </c>
      <c r="G39" s="144">
        <v>563</v>
      </c>
      <c r="H39" s="144">
        <v>27</v>
      </c>
      <c r="I39" s="144">
        <v>366</v>
      </c>
      <c r="J39" s="144">
        <v>1788891</v>
      </c>
      <c r="K39" s="144">
        <v>1829726</v>
      </c>
      <c r="L39" s="144">
        <v>1788830</v>
      </c>
      <c r="M39" s="144">
        <v>1828749</v>
      </c>
      <c r="N39" s="144">
        <v>757579</v>
      </c>
      <c r="O39" s="144">
        <v>771456</v>
      </c>
      <c r="P39" s="144">
        <v>57</v>
      </c>
      <c r="Q39" s="144">
        <v>930</v>
      </c>
      <c r="R39" s="144">
        <v>4</v>
      </c>
      <c r="S39" s="144">
        <v>47</v>
      </c>
      <c r="T39" s="144">
        <v>61</v>
      </c>
      <c r="U39" s="144">
        <v>977</v>
      </c>
      <c r="V39" s="144">
        <v>580405</v>
      </c>
      <c r="W39" s="144">
        <v>595918</v>
      </c>
      <c r="X39" s="144">
        <v>523</v>
      </c>
      <c r="Y39" s="145">
        <v>524</v>
      </c>
    </row>
    <row r="40" spans="1:25" s="113" customFormat="1" ht="14.1" customHeight="1" thickTop="1" x14ac:dyDescent="0.15">
      <c r="A40" s="130">
        <v>301</v>
      </c>
      <c r="B40" s="146" t="s">
        <v>82</v>
      </c>
      <c r="C40" s="134" t="s">
        <v>27</v>
      </c>
      <c r="D40" s="132">
        <v>7411</v>
      </c>
      <c r="E40" s="132">
        <v>7483</v>
      </c>
      <c r="F40" s="6">
        <v>0</v>
      </c>
      <c r="G40" s="6">
        <v>0</v>
      </c>
      <c r="H40" s="6">
        <v>0</v>
      </c>
      <c r="I40" s="6">
        <v>0</v>
      </c>
      <c r="J40" s="132">
        <v>12802</v>
      </c>
      <c r="K40" s="132">
        <v>12938</v>
      </c>
      <c r="L40" s="132">
        <v>12802</v>
      </c>
      <c r="M40" s="132">
        <v>12938</v>
      </c>
      <c r="N40" s="132">
        <v>1650</v>
      </c>
      <c r="O40" s="132">
        <v>1630</v>
      </c>
      <c r="P40" s="6">
        <v>0</v>
      </c>
      <c r="Q40" s="6">
        <v>0</v>
      </c>
      <c r="R40" s="6">
        <v>0</v>
      </c>
      <c r="S40" s="6">
        <v>0</v>
      </c>
      <c r="T40" s="6">
        <v>0</v>
      </c>
      <c r="U40" s="6">
        <v>0</v>
      </c>
      <c r="V40" s="132">
        <v>6869</v>
      </c>
      <c r="W40" s="132">
        <v>6927</v>
      </c>
      <c r="X40" s="132">
        <v>8</v>
      </c>
      <c r="Y40" s="133">
        <v>0</v>
      </c>
    </row>
    <row r="41" spans="1:25" s="113" customFormat="1" ht="14.1" customHeight="1" x14ac:dyDescent="0.15">
      <c r="A41" s="130">
        <v>302</v>
      </c>
      <c r="B41" s="147" t="s">
        <v>83</v>
      </c>
      <c r="C41" s="134" t="s">
        <v>27</v>
      </c>
      <c r="D41" s="135">
        <v>10515</v>
      </c>
      <c r="E41" s="135">
        <v>10623</v>
      </c>
      <c r="F41" s="7">
        <v>0</v>
      </c>
      <c r="G41" s="7">
        <v>0</v>
      </c>
      <c r="H41" s="7">
        <v>0</v>
      </c>
      <c r="I41" s="7">
        <v>0</v>
      </c>
      <c r="J41" s="135">
        <v>16425</v>
      </c>
      <c r="K41" s="135">
        <v>16546</v>
      </c>
      <c r="L41" s="135">
        <v>16425</v>
      </c>
      <c r="M41" s="135">
        <v>16546</v>
      </c>
      <c r="N41" s="135">
        <v>1505</v>
      </c>
      <c r="O41" s="135">
        <v>1466</v>
      </c>
      <c r="P41" s="7">
        <v>0</v>
      </c>
      <c r="Q41" s="7">
        <v>0</v>
      </c>
      <c r="R41" s="7">
        <v>0</v>
      </c>
      <c r="S41" s="7">
        <v>0</v>
      </c>
      <c r="T41" s="7">
        <v>0</v>
      </c>
      <c r="U41" s="7">
        <v>0</v>
      </c>
      <c r="V41" s="135">
        <v>6714</v>
      </c>
      <c r="W41" s="135">
        <v>6739</v>
      </c>
      <c r="X41" s="135">
        <v>9</v>
      </c>
      <c r="Y41" s="136">
        <v>0</v>
      </c>
    </row>
    <row r="42" spans="1:25" s="113" customFormat="1" ht="14.1" customHeight="1" x14ac:dyDescent="0.15">
      <c r="A42" s="130">
        <v>303</v>
      </c>
      <c r="B42" s="147" t="s">
        <v>84</v>
      </c>
      <c r="C42" s="134" t="s">
        <v>85</v>
      </c>
      <c r="D42" s="135">
        <v>8035</v>
      </c>
      <c r="E42" s="135">
        <v>8235</v>
      </c>
      <c r="F42" s="7">
        <v>0</v>
      </c>
      <c r="G42" s="7">
        <v>0</v>
      </c>
      <c r="H42" s="7">
        <v>0</v>
      </c>
      <c r="I42" s="7">
        <v>0</v>
      </c>
      <c r="J42" s="135">
        <v>13719</v>
      </c>
      <c r="K42" s="135">
        <v>14132</v>
      </c>
      <c r="L42" s="135">
        <v>13719</v>
      </c>
      <c r="M42" s="135">
        <v>14132</v>
      </c>
      <c r="N42" s="135">
        <v>2481</v>
      </c>
      <c r="O42" s="135">
        <v>2593</v>
      </c>
      <c r="P42" s="7">
        <v>0</v>
      </c>
      <c r="Q42" s="7">
        <v>0</v>
      </c>
      <c r="R42" s="7">
        <v>0</v>
      </c>
      <c r="S42" s="7">
        <v>0</v>
      </c>
      <c r="T42" s="7">
        <v>0</v>
      </c>
      <c r="U42" s="7">
        <v>0</v>
      </c>
      <c r="V42" s="135">
        <v>6603</v>
      </c>
      <c r="W42" s="135">
        <v>6723</v>
      </c>
      <c r="X42" s="135">
        <v>11</v>
      </c>
      <c r="Y42" s="136">
        <v>0</v>
      </c>
    </row>
    <row r="43" spans="1:25" s="113" customFormat="1" ht="14.1" customHeight="1" x14ac:dyDescent="0.15">
      <c r="A43" s="130">
        <v>304</v>
      </c>
      <c r="B43" s="147" t="s">
        <v>86</v>
      </c>
      <c r="C43" s="134" t="s">
        <v>87</v>
      </c>
      <c r="D43" s="135">
        <v>2629</v>
      </c>
      <c r="E43" s="135">
        <v>2656</v>
      </c>
      <c r="F43" s="7">
        <v>0</v>
      </c>
      <c r="G43" s="7">
        <v>0</v>
      </c>
      <c r="H43" s="7">
        <v>0</v>
      </c>
      <c r="I43" s="7">
        <v>0</v>
      </c>
      <c r="J43" s="135">
        <v>3823</v>
      </c>
      <c r="K43" s="135">
        <v>3854</v>
      </c>
      <c r="L43" s="135">
        <v>3823</v>
      </c>
      <c r="M43" s="135">
        <v>3854</v>
      </c>
      <c r="N43" s="135">
        <v>390</v>
      </c>
      <c r="O43" s="135">
        <v>391</v>
      </c>
      <c r="P43" s="7">
        <v>0</v>
      </c>
      <c r="Q43" s="7">
        <v>0</v>
      </c>
      <c r="R43" s="7">
        <v>0</v>
      </c>
      <c r="S43" s="7">
        <v>0</v>
      </c>
      <c r="T43" s="7">
        <v>0</v>
      </c>
      <c r="U43" s="7">
        <v>0</v>
      </c>
      <c r="V43" s="135">
        <v>1944</v>
      </c>
      <c r="W43" s="135">
        <v>1949</v>
      </c>
      <c r="X43" s="135">
        <v>5</v>
      </c>
      <c r="Y43" s="136">
        <v>0</v>
      </c>
    </row>
    <row r="44" spans="1:25" s="113" customFormat="1" ht="14.1" customHeight="1" x14ac:dyDescent="0.15">
      <c r="A44" s="130">
        <v>305</v>
      </c>
      <c r="B44" s="147" t="s">
        <v>88</v>
      </c>
      <c r="C44" s="134" t="s">
        <v>89</v>
      </c>
      <c r="D44" s="135">
        <v>3781</v>
      </c>
      <c r="E44" s="135">
        <v>3835</v>
      </c>
      <c r="F44" s="7">
        <v>0</v>
      </c>
      <c r="G44" s="7">
        <v>0</v>
      </c>
      <c r="H44" s="7">
        <v>0</v>
      </c>
      <c r="I44" s="7">
        <v>0</v>
      </c>
      <c r="J44" s="135">
        <v>7775</v>
      </c>
      <c r="K44" s="135">
        <v>7913</v>
      </c>
      <c r="L44" s="135">
        <v>7775</v>
      </c>
      <c r="M44" s="135">
        <v>7913</v>
      </c>
      <c r="N44" s="135">
        <v>1014</v>
      </c>
      <c r="O44" s="135">
        <v>1028</v>
      </c>
      <c r="P44" s="7">
        <v>0</v>
      </c>
      <c r="Q44" s="7">
        <v>0</v>
      </c>
      <c r="R44" s="7">
        <v>0</v>
      </c>
      <c r="S44" s="7">
        <v>0</v>
      </c>
      <c r="T44" s="7">
        <v>0</v>
      </c>
      <c r="U44" s="7">
        <v>0</v>
      </c>
      <c r="V44" s="135">
        <v>3568</v>
      </c>
      <c r="W44" s="135">
        <v>3608</v>
      </c>
      <c r="X44" s="135">
        <v>10</v>
      </c>
      <c r="Y44" s="136">
        <v>0</v>
      </c>
    </row>
    <row r="45" spans="1:25" s="113" customFormat="1" ht="14.1" customHeight="1" thickBot="1" x14ac:dyDescent="0.2">
      <c r="A45" s="140">
        <v>306</v>
      </c>
      <c r="B45" s="148" t="s">
        <v>90</v>
      </c>
      <c r="C45" s="141" t="s">
        <v>91</v>
      </c>
      <c r="D45" s="142">
        <v>37461</v>
      </c>
      <c r="E45" s="142">
        <v>37366</v>
      </c>
      <c r="F45" s="8">
        <v>0</v>
      </c>
      <c r="G45" s="8">
        <v>0</v>
      </c>
      <c r="H45" s="8">
        <v>0</v>
      </c>
      <c r="I45" s="8">
        <v>0</v>
      </c>
      <c r="J45" s="142">
        <v>78364</v>
      </c>
      <c r="K45" s="142">
        <v>78488</v>
      </c>
      <c r="L45" s="142">
        <v>78364</v>
      </c>
      <c r="M45" s="142">
        <v>78488</v>
      </c>
      <c r="N45" s="142">
        <v>8527</v>
      </c>
      <c r="O45" s="142">
        <v>8606</v>
      </c>
      <c r="P45" s="8">
        <v>0</v>
      </c>
      <c r="Q45" s="8">
        <v>0</v>
      </c>
      <c r="R45" s="8">
        <v>0</v>
      </c>
      <c r="S45" s="8">
        <v>0</v>
      </c>
      <c r="T45" s="8">
        <v>0</v>
      </c>
      <c r="U45" s="8">
        <v>0</v>
      </c>
      <c r="V45" s="142">
        <v>29466</v>
      </c>
      <c r="W45" s="142">
        <v>29436</v>
      </c>
      <c r="X45" s="142">
        <v>32</v>
      </c>
      <c r="Y45" s="143">
        <v>0</v>
      </c>
    </row>
    <row r="46" spans="1:25" s="113" customFormat="1" ht="14.1" customHeight="1" thickTop="1" thickBot="1" x14ac:dyDescent="0.2">
      <c r="A46" s="214" t="s">
        <v>92</v>
      </c>
      <c r="B46" s="215"/>
      <c r="C46" s="149" t="s">
        <v>81</v>
      </c>
      <c r="D46" s="144">
        <v>69832</v>
      </c>
      <c r="E46" s="144">
        <v>70198</v>
      </c>
      <c r="F46" s="144">
        <v>0</v>
      </c>
      <c r="G46" s="144">
        <v>0</v>
      </c>
      <c r="H46" s="144">
        <v>0</v>
      </c>
      <c r="I46" s="144">
        <v>0</v>
      </c>
      <c r="J46" s="144">
        <v>132908</v>
      </c>
      <c r="K46" s="144">
        <v>133871</v>
      </c>
      <c r="L46" s="144">
        <v>132908</v>
      </c>
      <c r="M46" s="144">
        <v>133871</v>
      </c>
      <c r="N46" s="144">
        <v>15567</v>
      </c>
      <c r="O46" s="144">
        <v>15714</v>
      </c>
      <c r="P46" s="144">
        <v>0</v>
      </c>
      <c r="Q46" s="144">
        <v>0</v>
      </c>
      <c r="R46" s="144">
        <v>0</v>
      </c>
      <c r="S46" s="144">
        <v>0</v>
      </c>
      <c r="T46" s="144">
        <v>0</v>
      </c>
      <c r="U46" s="144">
        <v>0</v>
      </c>
      <c r="V46" s="144">
        <v>55164</v>
      </c>
      <c r="W46" s="144">
        <v>55382</v>
      </c>
      <c r="X46" s="144">
        <v>75</v>
      </c>
      <c r="Y46" s="145">
        <v>0</v>
      </c>
    </row>
    <row r="47" spans="1:25" s="113" customFormat="1" ht="14.1" customHeight="1" thickTop="1" thickBot="1" x14ac:dyDescent="0.2">
      <c r="A47" s="216" t="s">
        <v>93</v>
      </c>
      <c r="B47" s="217"/>
      <c r="C47" s="150" t="s">
        <v>81</v>
      </c>
      <c r="D47" s="151">
        <v>1266385</v>
      </c>
      <c r="E47" s="151">
        <v>1284374</v>
      </c>
      <c r="F47" s="151">
        <v>30</v>
      </c>
      <c r="G47" s="151">
        <v>563</v>
      </c>
      <c r="H47" s="151">
        <v>27</v>
      </c>
      <c r="I47" s="151">
        <v>366</v>
      </c>
      <c r="J47" s="151">
        <v>1921799</v>
      </c>
      <c r="K47" s="151">
        <v>1963597</v>
      </c>
      <c r="L47" s="151">
        <v>1921738</v>
      </c>
      <c r="M47" s="151">
        <v>1962620</v>
      </c>
      <c r="N47" s="151">
        <v>773146</v>
      </c>
      <c r="O47" s="151">
        <v>787170</v>
      </c>
      <c r="P47" s="151">
        <v>57</v>
      </c>
      <c r="Q47" s="151">
        <v>930</v>
      </c>
      <c r="R47" s="151">
        <v>4</v>
      </c>
      <c r="S47" s="151">
        <v>47</v>
      </c>
      <c r="T47" s="151">
        <v>61</v>
      </c>
      <c r="U47" s="151">
        <v>977</v>
      </c>
      <c r="V47" s="151">
        <v>635569</v>
      </c>
      <c r="W47" s="151">
        <v>651300</v>
      </c>
      <c r="X47" s="151">
        <v>598</v>
      </c>
      <c r="Y47" s="152">
        <v>524</v>
      </c>
    </row>
    <row r="48" spans="1:25" s="113" customFormat="1" ht="11.1" customHeight="1" x14ac:dyDescent="0.15">
      <c r="A48" s="153" t="s">
        <v>94</v>
      </c>
      <c r="B48" s="154"/>
      <c r="C48" s="155"/>
      <c r="D48" s="156"/>
      <c r="E48" s="156"/>
      <c r="F48" s="156"/>
      <c r="G48" s="156"/>
      <c r="H48" s="156"/>
      <c r="I48" s="156"/>
      <c r="J48" s="157"/>
      <c r="K48" s="158"/>
      <c r="L48" s="156"/>
      <c r="M48" s="159"/>
      <c r="N48" s="156"/>
      <c r="O48" s="159"/>
      <c r="P48" s="159"/>
      <c r="Q48" s="159"/>
      <c r="R48" s="156"/>
      <c r="S48" s="156"/>
      <c r="T48" s="156"/>
      <c r="U48" s="156"/>
      <c r="V48" s="156"/>
      <c r="W48" s="156"/>
      <c r="X48" s="156"/>
      <c r="Y48" s="156"/>
    </row>
    <row r="49" spans="3:25" s="113" customFormat="1" x14ac:dyDescent="0.15">
      <c r="C49" s="160"/>
      <c r="D49" s="156"/>
      <c r="E49" s="156"/>
      <c r="F49" s="156"/>
      <c r="G49" s="156"/>
      <c r="H49" s="156"/>
      <c r="I49" s="156"/>
      <c r="J49" s="156"/>
      <c r="K49" s="156"/>
      <c r="L49" s="156"/>
      <c r="M49" s="156"/>
      <c r="N49" s="156"/>
      <c r="O49" s="156"/>
      <c r="P49" s="156"/>
      <c r="Q49" s="156"/>
      <c r="R49" s="156"/>
      <c r="S49" s="156"/>
      <c r="T49" s="156"/>
      <c r="U49" s="156"/>
      <c r="V49" s="156"/>
      <c r="W49" s="156"/>
      <c r="X49" s="156"/>
      <c r="Y49" s="156"/>
    </row>
    <row r="50" spans="3:25" x14ac:dyDescent="0.15">
      <c r="D50" s="156"/>
      <c r="E50" s="156"/>
      <c r="F50" s="156"/>
      <c r="G50" s="156"/>
      <c r="H50" s="156"/>
      <c r="I50" s="156"/>
      <c r="J50" s="156"/>
      <c r="K50" s="156"/>
      <c r="L50" s="156"/>
      <c r="M50" s="156"/>
      <c r="N50" s="156"/>
      <c r="O50" s="156"/>
      <c r="P50" s="156"/>
      <c r="Q50" s="156"/>
      <c r="R50" s="156"/>
      <c r="S50" s="156"/>
      <c r="T50" s="156"/>
      <c r="U50" s="156"/>
      <c r="V50" s="156"/>
      <c r="W50" s="156"/>
      <c r="X50" s="156"/>
      <c r="Y50" s="156"/>
    </row>
    <row r="51" spans="3:25" x14ac:dyDescent="0.15">
      <c r="D51" s="156"/>
      <c r="E51" s="156"/>
      <c r="F51" s="156"/>
      <c r="G51" s="156"/>
      <c r="H51" s="156"/>
      <c r="I51" s="156"/>
      <c r="J51" s="156"/>
      <c r="K51" s="156"/>
      <c r="L51" s="156"/>
      <c r="M51" s="156"/>
      <c r="N51" s="156"/>
      <c r="O51" s="156"/>
      <c r="P51" s="156"/>
      <c r="Q51" s="156"/>
      <c r="R51" s="156"/>
      <c r="S51" s="156"/>
      <c r="T51" s="156"/>
      <c r="U51" s="156"/>
      <c r="V51" s="156"/>
      <c r="W51" s="156"/>
      <c r="X51" s="156"/>
      <c r="Y51" s="156"/>
    </row>
    <row r="52" spans="3:25" x14ac:dyDescent="0.15">
      <c r="D52" s="156"/>
      <c r="E52" s="156"/>
      <c r="F52" s="156"/>
      <c r="G52" s="156"/>
      <c r="H52" s="156"/>
      <c r="I52" s="156"/>
      <c r="J52" s="156"/>
      <c r="K52" s="156"/>
      <c r="L52" s="156"/>
      <c r="M52" s="156"/>
      <c r="N52" s="156"/>
      <c r="O52" s="156"/>
      <c r="P52" s="156"/>
      <c r="Q52" s="156"/>
      <c r="R52" s="156"/>
      <c r="S52" s="156"/>
      <c r="T52" s="156"/>
      <c r="U52" s="156"/>
      <c r="V52" s="156"/>
      <c r="W52" s="156"/>
      <c r="X52" s="156"/>
      <c r="Y52" s="156"/>
    </row>
    <row r="53" spans="3:25" x14ac:dyDescent="0.15">
      <c r="D53" s="156"/>
      <c r="E53" s="156"/>
      <c r="F53" s="156"/>
      <c r="G53" s="156"/>
      <c r="H53" s="156"/>
      <c r="I53" s="156"/>
      <c r="J53" s="156"/>
      <c r="K53" s="156"/>
      <c r="L53" s="156"/>
      <c r="M53" s="156"/>
      <c r="N53" s="156"/>
      <c r="O53" s="156"/>
      <c r="P53" s="156"/>
      <c r="Q53" s="156"/>
      <c r="R53" s="156"/>
      <c r="S53" s="156"/>
      <c r="T53" s="156"/>
      <c r="U53" s="156"/>
      <c r="V53" s="156"/>
      <c r="W53" s="156"/>
      <c r="X53" s="156"/>
      <c r="Y53" s="156"/>
    </row>
    <row r="54" spans="3:25" x14ac:dyDescent="0.15">
      <c r="D54" s="156"/>
      <c r="E54" s="156"/>
      <c r="F54" s="156"/>
      <c r="G54" s="156"/>
      <c r="H54" s="156"/>
      <c r="I54" s="156"/>
      <c r="J54" s="156"/>
      <c r="K54" s="156"/>
      <c r="L54" s="156"/>
      <c r="M54" s="156"/>
      <c r="N54" s="156"/>
      <c r="O54" s="156"/>
      <c r="P54" s="156"/>
      <c r="Q54" s="156"/>
      <c r="R54" s="156"/>
      <c r="S54" s="156"/>
      <c r="T54" s="156"/>
      <c r="U54" s="156"/>
      <c r="V54" s="156"/>
      <c r="W54" s="156"/>
      <c r="X54" s="156"/>
      <c r="Y54" s="156"/>
    </row>
    <row r="55" spans="3:25" x14ac:dyDescent="0.15">
      <c r="D55" s="156"/>
      <c r="E55" s="156"/>
      <c r="F55" s="156"/>
      <c r="G55" s="156"/>
      <c r="H55" s="156"/>
      <c r="I55" s="156"/>
      <c r="J55" s="156"/>
      <c r="K55" s="156"/>
      <c r="L55" s="156"/>
      <c r="M55" s="156"/>
      <c r="N55" s="156"/>
      <c r="O55" s="156"/>
      <c r="P55" s="156"/>
      <c r="Q55" s="156"/>
      <c r="R55" s="156"/>
      <c r="S55" s="156"/>
      <c r="T55" s="156"/>
      <c r="U55" s="156"/>
      <c r="V55" s="156"/>
      <c r="W55" s="156"/>
      <c r="X55" s="156"/>
      <c r="Y55" s="156"/>
    </row>
    <row r="56" spans="3:25" x14ac:dyDescent="0.15">
      <c r="D56" s="156"/>
      <c r="E56" s="156"/>
      <c r="F56" s="156"/>
      <c r="G56" s="156"/>
      <c r="H56" s="156"/>
      <c r="I56" s="156"/>
      <c r="J56" s="156"/>
      <c r="K56" s="156"/>
      <c r="L56" s="156"/>
      <c r="M56" s="156"/>
      <c r="N56" s="156"/>
      <c r="O56" s="156"/>
      <c r="P56" s="156"/>
      <c r="Q56" s="156"/>
      <c r="R56" s="156"/>
      <c r="S56" s="156"/>
      <c r="T56" s="156"/>
      <c r="U56" s="156"/>
      <c r="V56" s="156"/>
      <c r="W56" s="156"/>
      <c r="X56" s="156"/>
      <c r="Y56" s="156"/>
    </row>
    <row r="57" spans="3:25" x14ac:dyDescent="0.15">
      <c r="D57" s="156"/>
      <c r="E57" s="156"/>
      <c r="F57" s="156"/>
      <c r="G57" s="156"/>
      <c r="H57" s="156"/>
      <c r="I57" s="156"/>
      <c r="J57" s="156"/>
      <c r="K57" s="156"/>
      <c r="L57" s="156"/>
      <c r="M57" s="156"/>
      <c r="N57" s="156"/>
      <c r="O57" s="156"/>
      <c r="P57" s="156"/>
      <c r="Q57" s="156"/>
      <c r="R57" s="156"/>
      <c r="S57" s="156"/>
      <c r="T57" s="156"/>
      <c r="U57" s="156"/>
      <c r="V57" s="156"/>
      <c r="W57" s="156"/>
      <c r="X57" s="156"/>
      <c r="Y57" s="156"/>
    </row>
    <row r="58" spans="3:25" x14ac:dyDescent="0.15">
      <c r="D58" s="156"/>
      <c r="E58" s="156"/>
      <c r="F58" s="156"/>
      <c r="G58" s="156"/>
      <c r="H58" s="156"/>
      <c r="I58" s="156"/>
      <c r="J58" s="156"/>
      <c r="K58" s="156"/>
      <c r="L58" s="156"/>
      <c r="M58" s="156"/>
      <c r="N58" s="156"/>
      <c r="O58" s="156"/>
      <c r="P58" s="156"/>
      <c r="Q58" s="156"/>
      <c r="R58" s="156"/>
      <c r="S58" s="156"/>
      <c r="T58" s="156"/>
      <c r="U58" s="156"/>
      <c r="V58" s="156"/>
      <c r="W58" s="156"/>
      <c r="X58" s="156"/>
      <c r="Y58" s="156"/>
    </row>
    <row r="59" spans="3:25" x14ac:dyDescent="0.15">
      <c r="D59" s="156"/>
      <c r="E59" s="156"/>
      <c r="F59" s="156"/>
      <c r="G59" s="156"/>
      <c r="H59" s="156"/>
      <c r="I59" s="156"/>
      <c r="J59" s="156"/>
      <c r="K59" s="156"/>
      <c r="L59" s="156"/>
      <c r="M59" s="156"/>
      <c r="N59" s="156"/>
      <c r="O59" s="156"/>
      <c r="P59" s="156"/>
      <c r="Q59" s="156"/>
      <c r="R59" s="156"/>
      <c r="S59" s="156"/>
      <c r="T59" s="156"/>
      <c r="U59" s="156"/>
      <c r="V59" s="156"/>
      <c r="W59" s="156"/>
      <c r="X59" s="156"/>
      <c r="Y59" s="156"/>
    </row>
    <row r="60" spans="3:25" x14ac:dyDescent="0.15">
      <c r="D60" s="156"/>
      <c r="E60" s="156"/>
      <c r="F60" s="156"/>
      <c r="G60" s="156"/>
      <c r="H60" s="156"/>
      <c r="I60" s="156"/>
      <c r="J60" s="156"/>
      <c r="K60" s="156"/>
      <c r="L60" s="156"/>
      <c r="M60" s="156"/>
      <c r="N60" s="156"/>
      <c r="O60" s="156"/>
      <c r="P60" s="156"/>
      <c r="Q60" s="156"/>
      <c r="R60" s="156"/>
      <c r="S60" s="156"/>
      <c r="T60" s="156"/>
      <c r="U60" s="156"/>
      <c r="V60" s="156"/>
      <c r="W60" s="156"/>
      <c r="X60" s="156"/>
      <c r="Y60" s="156"/>
    </row>
    <row r="61" spans="3:25" x14ac:dyDescent="0.15">
      <c r="D61" s="156"/>
      <c r="E61" s="156"/>
      <c r="F61" s="156"/>
      <c r="G61" s="156"/>
      <c r="H61" s="156"/>
      <c r="I61" s="156"/>
      <c r="J61" s="156"/>
      <c r="K61" s="156"/>
      <c r="L61" s="156"/>
      <c r="M61" s="156"/>
      <c r="N61" s="156"/>
      <c r="O61" s="156"/>
      <c r="P61" s="156"/>
      <c r="Q61" s="156"/>
      <c r="R61" s="156"/>
      <c r="S61" s="156"/>
      <c r="T61" s="156"/>
      <c r="U61" s="156"/>
      <c r="V61" s="156"/>
      <c r="W61" s="156"/>
      <c r="X61" s="156"/>
      <c r="Y61" s="156"/>
    </row>
    <row r="62" spans="3:25" x14ac:dyDescent="0.15">
      <c r="D62" s="156"/>
      <c r="E62" s="156"/>
      <c r="F62" s="156"/>
      <c r="G62" s="156"/>
      <c r="H62" s="156"/>
      <c r="I62" s="156"/>
      <c r="J62" s="156"/>
      <c r="K62" s="156"/>
      <c r="L62" s="156"/>
      <c r="M62" s="156"/>
      <c r="N62" s="156"/>
      <c r="O62" s="156"/>
      <c r="P62" s="156"/>
      <c r="Q62" s="156"/>
      <c r="R62" s="156"/>
      <c r="S62" s="156"/>
      <c r="T62" s="156"/>
      <c r="U62" s="156"/>
      <c r="V62" s="156"/>
      <c r="W62" s="156"/>
      <c r="X62" s="156"/>
      <c r="Y62" s="156"/>
    </row>
    <row r="63" spans="3:25" x14ac:dyDescent="0.15">
      <c r="D63" s="156"/>
      <c r="E63" s="156"/>
      <c r="F63" s="156"/>
      <c r="G63" s="156"/>
      <c r="H63" s="156"/>
      <c r="I63" s="156"/>
      <c r="J63" s="156"/>
      <c r="K63" s="156"/>
      <c r="L63" s="156"/>
      <c r="M63" s="156"/>
      <c r="N63" s="156"/>
      <c r="O63" s="156"/>
      <c r="P63" s="156"/>
      <c r="Q63" s="156"/>
      <c r="R63" s="156"/>
      <c r="S63" s="156"/>
      <c r="T63" s="156"/>
      <c r="U63" s="156"/>
      <c r="V63" s="156"/>
      <c r="W63" s="156"/>
      <c r="X63" s="156"/>
      <c r="Y63" s="156"/>
    </row>
    <row r="64" spans="3:25" x14ac:dyDescent="0.15">
      <c r="D64" s="156"/>
      <c r="E64" s="156"/>
      <c r="F64" s="156"/>
      <c r="G64" s="156"/>
      <c r="H64" s="156"/>
      <c r="I64" s="156"/>
      <c r="J64" s="156"/>
      <c r="K64" s="156"/>
      <c r="L64" s="156"/>
      <c r="M64" s="156"/>
      <c r="N64" s="156"/>
      <c r="O64" s="156"/>
      <c r="P64" s="156"/>
      <c r="Q64" s="156"/>
      <c r="R64" s="156"/>
      <c r="S64" s="156"/>
      <c r="T64" s="156"/>
      <c r="U64" s="156"/>
      <c r="V64" s="156"/>
      <c r="W64" s="156"/>
      <c r="X64" s="156"/>
      <c r="Y64" s="156"/>
    </row>
    <row r="65" spans="4:25" x14ac:dyDescent="0.15">
      <c r="D65" s="156"/>
      <c r="E65" s="156"/>
      <c r="F65" s="156"/>
      <c r="G65" s="156"/>
      <c r="H65" s="156"/>
      <c r="I65" s="156"/>
      <c r="J65" s="156"/>
      <c r="K65" s="156"/>
      <c r="L65" s="156"/>
      <c r="M65" s="156"/>
      <c r="N65" s="156"/>
      <c r="O65" s="156"/>
      <c r="P65" s="156"/>
      <c r="Q65" s="156"/>
      <c r="R65" s="156"/>
      <c r="S65" s="156"/>
      <c r="T65" s="156"/>
      <c r="U65" s="156"/>
      <c r="V65" s="156"/>
      <c r="W65" s="156"/>
      <c r="X65" s="156"/>
      <c r="Y65" s="156"/>
    </row>
    <row r="66" spans="4:25" x14ac:dyDescent="0.15">
      <c r="D66" s="156"/>
      <c r="E66" s="156"/>
      <c r="F66" s="156"/>
      <c r="G66" s="156"/>
      <c r="H66" s="156"/>
      <c r="I66" s="156"/>
      <c r="J66" s="156"/>
      <c r="K66" s="156"/>
      <c r="L66" s="156"/>
      <c r="M66" s="156"/>
      <c r="N66" s="156"/>
      <c r="O66" s="156"/>
      <c r="P66" s="156"/>
      <c r="Q66" s="156"/>
      <c r="R66" s="156"/>
      <c r="S66" s="156"/>
      <c r="T66" s="156"/>
      <c r="U66" s="156"/>
      <c r="V66" s="156"/>
      <c r="W66" s="156"/>
      <c r="X66" s="156"/>
      <c r="Y66" s="156"/>
    </row>
    <row r="67" spans="4:25" x14ac:dyDescent="0.15">
      <c r="D67" s="156"/>
      <c r="E67" s="156"/>
      <c r="F67" s="156"/>
      <c r="G67" s="156"/>
      <c r="H67" s="156"/>
      <c r="I67" s="156"/>
      <c r="J67" s="156"/>
      <c r="K67" s="156"/>
      <c r="L67" s="156"/>
      <c r="M67" s="156"/>
      <c r="N67" s="156"/>
      <c r="O67" s="156"/>
      <c r="P67" s="156"/>
      <c r="Q67" s="156"/>
      <c r="R67" s="156"/>
      <c r="S67" s="156"/>
      <c r="T67" s="156"/>
      <c r="U67" s="156"/>
      <c r="V67" s="156"/>
      <c r="W67" s="156"/>
      <c r="X67" s="156"/>
      <c r="Y67" s="156"/>
    </row>
    <row r="68" spans="4:25" x14ac:dyDescent="0.15">
      <c r="D68" s="156"/>
      <c r="E68" s="156"/>
      <c r="F68" s="156"/>
      <c r="G68" s="156"/>
      <c r="H68" s="156"/>
      <c r="I68" s="156"/>
      <c r="J68" s="156"/>
      <c r="K68" s="156"/>
      <c r="L68" s="156"/>
      <c r="M68" s="156"/>
      <c r="N68" s="156"/>
      <c r="O68" s="156"/>
      <c r="P68" s="156"/>
      <c r="Q68" s="156"/>
      <c r="R68" s="156"/>
      <c r="S68" s="156"/>
      <c r="T68" s="156"/>
      <c r="U68" s="156"/>
      <c r="V68" s="156"/>
      <c r="W68" s="156"/>
      <c r="X68" s="156"/>
      <c r="Y68" s="156"/>
    </row>
    <row r="69" spans="4:25" x14ac:dyDescent="0.15">
      <c r="D69" s="156"/>
      <c r="E69" s="156"/>
      <c r="F69" s="156"/>
      <c r="G69" s="156"/>
      <c r="H69" s="156"/>
      <c r="I69" s="156"/>
      <c r="J69" s="156"/>
      <c r="K69" s="156"/>
      <c r="L69" s="156"/>
      <c r="M69" s="156"/>
      <c r="N69" s="156"/>
      <c r="O69" s="156"/>
      <c r="P69" s="156"/>
      <c r="Q69" s="156"/>
      <c r="R69" s="156"/>
      <c r="S69" s="156"/>
      <c r="T69" s="156"/>
      <c r="U69" s="156"/>
      <c r="V69" s="156"/>
      <c r="W69" s="156"/>
      <c r="X69" s="156"/>
      <c r="Y69" s="156"/>
    </row>
    <row r="70" spans="4:25" x14ac:dyDescent="0.15">
      <c r="D70" s="156"/>
      <c r="E70" s="156"/>
      <c r="F70" s="156"/>
      <c r="G70" s="156"/>
      <c r="H70" s="156"/>
      <c r="I70" s="156"/>
      <c r="J70" s="156"/>
      <c r="K70" s="156"/>
      <c r="L70" s="156"/>
      <c r="M70" s="156"/>
      <c r="N70" s="156"/>
      <c r="O70" s="156"/>
      <c r="P70" s="156"/>
      <c r="Q70" s="156"/>
      <c r="R70" s="156"/>
      <c r="S70" s="156"/>
      <c r="T70" s="156"/>
      <c r="U70" s="156"/>
      <c r="V70" s="156"/>
      <c r="W70" s="156"/>
      <c r="X70" s="156"/>
      <c r="Y70" s="156"/>
    </row>
    <row r="71" spans="4:25" x14ac:dyDescent="0.15">
      <c r="D71" s="156"/>
      <c r="E71" s="156"/>
      <c r="F71" s="156"/>
      <c r="G71" s="156"/>
      <c r="H71" s="156"/>
      <c r="I71" s="156"/>
      <c r="J71" s="156"/>
      <c r="K71" s="156"/>
      <c r="L71" s="156"/>
      <c r="M71" s="156"/>
      <c r="N71" s="156"/>
      <c r="O71" s="156"/>
      <c r="P71" s="156"/>
      <c r="Q71" s="156"/>
      <c r="R71" s="156"/>
      <c r="S71" s="156"/>
      <c r="T71" s="156"/>
      <c r="U71" s="156"/>
      <c r="V71" s="156"/>
      <c r="W71" s="156"/>
      <c r="X71" s="156"/>
      <c r="Y71" s="156"/>
    </row>
  </sheetData>
  <mergeCells count="15">
    <mergeCell ref="X3:Y4"/>
    <mergeCell ref="A4:B4"/>
    <mergeCell ref="D4:D5"/>
    <mergeCell ref="E4:E5"/>
    <mergeCell ref="C3:C5"/>
    <mergeCell ref="D3:E3"/>
    <mergeCell ref="F3:I3"/>
    <mergeCell ref="J3:K4"/>
    <mergeCell ref="L3:M4"/>
    <mergeCell ref="N3:O4"/>
    <mergeCell ref="A39:B39"/>
    <mergeCell ref="A46:B46"/>
    <mergeCell ref="A47:B47"/>
    <mergeCell ref="P3:U3"/>
    <mergeCell ref="V3:W4"/>
  </mergeCells>
  <phoneticPr fontId="2"/>
  <printOptions verticalCentered="1"/>
  <pageMargins left="0.78740157480314965" right="0" top="0.35433070866141736" bottom="0.27559055118110237" header="0.31496062992125984" footer="0.19685039370078741"/>
  <pageSetup paperSize="9" scale="83" orientation="landscape" blackAndWhite="1" r:id="rId1"/>
  <headerFooter alignWithMargins="0"/>
  <colBreaks count="1" manualBreakCount="1">
    <brk id="30" max="49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P43"/>
  <sheetViews>
    <sheetView zoomScaleNormal="100" zoomScaleSheetLayoutView="115" workbookViewId="0"/>
  </sheetViews>
  <sheetFormatPr defaultColWidth="9" defaultRowHeight="13.2" x14ac:dyDescent="0.2"/>
  <cols>
    <col min="1" max="1" width="10.33203125" style="47" customWidth="1"/>
    <col min="2" max="2" width="5.33203125" style="47" customWidth="1"/>
    <col min="3" max="14" width="12.33203125" style="47" customWidth="1"/>
    <col min="15" max="16384" width="9" style="47"/>
  </cols>
  <sheetData>
    <row r="1" spans="1:16" s="9" customFormat="1" ht="16.2" x14ac:dyDescent="0.2">
      <c r="A1" s="47" t="s">
        <v>152</v>
      </c>
      <c r="B1" s="47"/>
      <c r="I1" s="47" t="s">
        <v>153</v>
      </c>
      <c r="J1" s="47"/>
      <c r="K1" s="47"/>
      <c r="L1" s="47"/>
      <c r="M1" s="47"/>
      <c r="N1" s="47"/>
    </row>
    <row r="2" spans="1:16" ht="13.8" thickBot="1" x14ac:dyDescent="0.25">
      <c r="E2" s="48"/>
      <c r="H2" s="49"/>
      <c r="I2" s="50"/>
      <c r="J2" s="50"/>
      <c r="K2" s="50"/>
      <c r="L2" s="50"/>
      <c r="M2" s="255" t="s">
        <v>154</v>
      </c>
      <c r="N2" s="255"/>
      <c r="O2" s="51"/>
    </row>
    <row r="3" spans="1:16" s="50" customFormat="1" ht="21.75" customHeight="1" x14ac:dyDescent="0.2">
      <c r="A3" s="256" t="s">
        <v>155</v>
      </c>
      <c r="B3" s="257"/>
      <c r="C3" s="260" t="s">
        <v>156</v>
      </c>
      <c r="D3" s="261"/>
      <c r="E3" s="262"/>
      <c r="F3" s="260" t="s">
        <v>157</v>
      </c>
      <c r="G3" s="261"/>
      <c r="H3" s="263"/>
      <c r="I3" s="264" t="s">
        <v>158</v>
      </c>
      <c r="J3" s="265"/>
      <c r="K3" s="266"/>
      <c r="L3" s="267" t="s">
        <v>159</v>
      </c>
      <c r="M3" s="267"/>
      <c r="N3" s="268"/>
    </row>
    <row r="4" spans="1:16" s="50" customFormat="1" ht="23.25" customHeight="1" x14ac:dyDescent="0.2">
      <c r="A4" s="258"/>
      <c r="B4" s="259"/>
      <c r="C4" s="52" t="s">
        <v>160</v>
      </c>
      <c r="D4" s="52" t="s">
        <v>161</v>
      </c>
      <c r="E4" s="53" t="s">
        <v>162</v>
      </c>
      <c r="F4" s="52" t="s">
        <v>160</v>
      </c>
      <c r="G4" s="52" t="s">
        <v>161</v>
      </c>
      <c r="H4" s="54" t="s">
        <v>162</v>
      </c>
      <c r="I4" s="55" t="s">
        <v>160</v>
      </c>
      <c r="J4" s="56" t="s">
        <v>161</v>
      </c>
      <c r="K4" s="57" t="s">
        <v>162</v>
      </c>
      <c r="L4" s="58" t="s">
        <v>160</v>
      </c>
      <c r="M4" s="52" t="s">
        <v>161</v>
      </c>
      <c r="N4" s="54" t="s">
        <v>162</v>
      </c>
    </row>
    <row r="5" spans="1:16" s="50" customFormat="1" ht="21.9" customHeight="1" x14ac:dyDescent="0.2">
      <c r="A5" s="10" t="s">
        <v>163</v>
      </c>
      <c r="B5" s="24"/>
      <c r="C5" s="19">
        <v>1390260</v>
      </c>
      <c r="D5" s="62">
        <v>77217</v>
      </c>
      <c r="E5" s="62">
        <v>1467477</v>
      </c>
      <c r="F5" s="62">
        <v>2272725</v>
      </c>
      <c r="G5" s="62">
        <v>158416</v>
      </c>
      <c r="H5" s="64">
        <v>2431141</v>
      </c>
      <c r="I5" s="65">
        <v>767055</v>
      </c>
      <c r="J5" s="63">
        <v>61653</v>
      </c>
      <c r="K5" s="63">
        <v>828708</v>
      </c>
      <c r="L5" s="30">
        <v>1098</v>
      </c>
      <c r="M5" s="31">
        <v>78</v>
      </c>
      <c r="N5" s="32">
        <v>1176</v>
      </c>
      <c r="O5" s="61"/>
      <c r="P5" s="61"/>
    </row>
    <row r="6" spans="1:16" s="50" customFormat="1" ht="21.9" customHeight="1" x14ac:dyDescent="0.2">
      <c r="A6" s="66"/>
      <c r="B6" s="67"/>
      <c r="C6" s="11">
        <v>-1.6</v>
      </c>
      <c r="D6" s="11">
        <v>-1.7</v>
      </c>
      <c r="E6" s="11">
        <v>-1.6</v>
      </c>
      <c r="F6" s="11">
        <v>-3.1</v>
      </c>
      <c r="G6" s="11">
        <v>-3</v>
      </c>
      <c r="H6" s="12">
        <v>-3.1</v>
      </c>
      <c r="I6" s="13">
        <v>-5.4</v>
      </c>
      <c r="J6" s="11">
        <v>-2.5</v>
      </c>
      <c r="K6" s="11">
        <v>-5.2</v>
      </c>
      <c r="L6" s="68"/>
      <c r="M6" s="69"/>
      <c r="N6" s="70"/>
      <c r="O6" s="61"/>
      <c r="P6" s="61"/>
    </row>
    <row r="7" spans="1:16" s="50" customFormat="1" ht="21.9" customHeight="1" x14ac:dyDescent="0.2">
      <c r="A7" s="71" t="s">
        <v>164</v>
      </c>
      <c r="B7" s="24"/>
      <c r="C7" s="14">
        <v>1358701</v>
      </c>
      <c r="D7" s="15">
        <v>73395</v>
      </c>
      <c r="E7" s="14">
        <v>1432096</v>
      </c>
      <c r="F7" s="15">
        <v>2184221</v>
      </c>
      <c r="G7" s="15">
        <v>147238</v>
      </c>
      <c r="H7" s="16">
        <v>2331459</v>
      </c>
      <c r="I7" s="17">
        <v>726202</v>
      </c>
      <c r="J7" s="18">
        <v>57827</v>
      </c>
      <c r="K7" s="18">
        <v>784029</v>
      </c>
      <c r="L7" s="30">
        <v>1097</v>
      </c>
      <c r="M7" s="31">
        <v>78</v>
      </c>
      <c r="N7" s="32">
        <v>1175</v>
      </c>
      <c r="O7" s="61"/>
      <c r="P7" s="61"/>
    </row>
    <row r="8" spans="1:16" s="50" customFormat="1" ht="21.9" customHeight="1" x14ac:dyDescent="0.2">
      <c r="A8" s="66"/>
      <c r="B8" s="67"/>
      <c r="C8" s="11">
        <v>-2.2700070490411894</v>
      </c>
      <c r="D8" s="11">
        <v>-4.9496872450367153</v>
      </c>
      <c r="E8" s="11">
        <v>-2.411008826714145</v>
      </c>
      <c r="F8" s="11">
        <v>-3.8941798941798944</v>
      </c>
      <c r="G8" s="11">
        <v>-7.0561054438945554</v>
      </c>
      <c r="H8" s="12">
        <v>-4.1002146728634781</v>
      </c>
      <c r="I8" s="13">
        <v>-5.3259544621963251</v>
      </c>
      <c r="J8" s="11">
        <v>-6.2056996415421839</v>
      </c>
      <c r="K8" s="11">
        <v>-5.3914044512663128</v>
      </c>
      <c r="L8" s="68"/>
      <c r="M8" s="69"/>
      <c r="N8" s="70"/>
      <c r="O8" s="61"/>
      <c r="P8" s="61"/>
    </row>
    <row r="9" spans="1:16" s="50" customFormat="1" ht="21.9" customHeight="1" x14ac:dyDescent="0.2">
      <c r="A9" s="71" t="s">
        <v>165</v>
      </c>
      <c r="B9" s="24"/>
      <c r="C9" s="19">
        <v>1303471</v>
      </c>
      <c r="D9" s="19">
        <v>72054</v>
      </c>
      <c r="E9" s="19">
        <v>1375525</v>
      </c>
      <c r="F9" s="19">
        <v>2051732</v>
      </c>
      <c r="G9" s="19">
        <v>142512</v>
      </c>
      <c r="H9" s="20">
        <v>2194244</v>
      </c>
      <c r="I9" s="21">
        <v>670010</v>
      </c>
      <c r="J9" s="22">
        <v>56897</v>
      </c>
      <c r="K9" s="22">
        <v>726907</v>
      </c>
      <c r="L9" s="30">
        <v>1084</v>
      </c>
      <c r="M9" s="31">
        <v>77</v>
      </c>
      <c r="N9" s="32">
        <v>1161</v>
      </c>
      <c r="O9" s="61"/>
      <c r="P9" s="61"/>
    </row>
    <row r="10" spans="1:16" s="50" customFormat="1" ht="21.9" customHeight="1" x14ac:dyDescent="0.2">
      <c r="A10" s="66"/>
      <c r="B10" s="67"/>
      <c r="C10" s="11">
        <v>-4.0649120005063715</v>
      </c>
      <c r="D10" s="11">
        <v>-1.8270999386879261</v>
      </c>
      <c r="E10" s="11">
        <v>-3.9502240073291173</v>
      </c>
      <c r="F10" s="11">
        <v>-6.0657323595002532</v>
      </c>
      <c r="G10" s="11">
        <v>-3.2097692171857761</v>
      </c>
      <c r="H10" s="12">
        <v>-5.8853704911817069</v>
      </c>
      <c r="I10" s="13">
        <v>-7.7377919642193209</v>
      </c>
      <c r="J10" s="11">
        <v>-1.6082452833451555</v>
      </c>
      <c r="K10" s="11">
        <v>-7.2856998912030013</v>
      </c>
      <c r="L10" s="67"/>
      <c r="M10" s="72"/>
      <c r="N10" s="73"/>
      <c r="O10" s="61"/>
      <c r="P10" s="61"/>
    </row>
    <row r="11" spans="1:16" s="50" customFormat="1" ht="21.9" customHeight="1" x14ac:dyDescent="0.2">
      <c r="A11" s="23" t="s">
        <v>166</v>
      </c>
      <c r="B11" s="24"/>
      <c r="C11" s="25">
        <v>1256535</v>
      </c>
      <c r="D11" s="26">
        <v>71034</v>
      </c>
      <c r="E11" s="26">
        <v>1327569</v>
      </c>
      <c r="F11" s="26">
        <v>1940172</v>
      </c>
      <c r="G11" s="26">
        <v>138278</v>
      </c>
      <c r="H11" s="27">
        <v>2078450</v>
      </c>
      <c r="I11" s="28">
        <v>626797</v>
      </c>
      <c r="J11" s="29">
        <v>55925</v>
      </c>
      <c r="K11" s="26">
        <v>682722</v>
      </c>
      <c r="L11" s="30">
        <v>1049</v>
      </c>
      <c r="M11" s="31">
        <v>78</v>
      </c>
      <c r="N11" s="32">
        <v>1127</v>
      </c>
      <c r="O11" s="61"/>
      <c r="P11" s="61"/>
    </row>
    <row r="12" spans="1:16" s="50" customFormat="1" ht="21.9" customHeight="1" x14ac:dyDescent="0.2">
      <c r="A12" s="74"/>
      <c r="B12" s="67"/>
      <c r="C12" s="11">
        <v>-3.6008472762339983</v>
      </c>
      <c r="D12" s="11">
        <v>-1.4156049629444611</v>
      </c>
      <c r="E12" s="11">
        <v>-3.4863779284273311</v>
      </c>
      <c r="F12" s="11">
        <v>-5.4373573156728083</v>
      </c>
      <c r="G12" s="11">
        <v>-2.9709778825642741</v>
      </c>
      <c r="H12" s="12">
        <v>-5.3</v>
      </c>
      <c r="I12" s="13">
        <v>-6.4496052297726925</v>
      </c>
      <c r="J12" s="11">
        <v>-1.7083501766349762</v>
      </c>
      <c r="K12" s="11">
        <v>-6.0784942227822825</v>
      </c>
      <c r="L12" s="67"/>
      <c r="M12" s="72"/>
      <c r="N12" s="73"/>
      <c r="O12" s="61"/>
      <c r="P12" s="61"/>
    </row>
    <row r="13" spans="1:16" s="50" customFormat="1" ht="21.9" customHeight="1" x14ac:dyDescent="0.2">
      <c r="A13" s="23" t="s">
        <v>167</v>
      </c>
      <c r="B13" s="24"/>
      <c r="C13" s="25">
        <v>1220218</v>
      </c>
      <c r="D13" s="26">
        <v>69986</v>
      </c>
      <c r="E13" s="26">
        <v>1290204</v>
      </c>
      <c r="F13" s="26">
        <v>1852198</v>
      </c>
      <c r="G13" s="26">
        <v>134917</v>
      </c>
      <c r="H13" s="27">
        <v>1987115</v>
      </c>
      <c r="I13" s="28">
        <v>600292</v>
      </c>
      <c r="J13" s="29">
        <v>55361</v>
      </c>
      <c r="K13" s="26">
        <v>655653</v>
      </c>
      <c r="L13" s="30">
        <v>1046</v>
      </c>
      <c r="M13" s="31">
        <v>75</v>
      </c>
      <c r="N13" s="32">
        <v>1121</v>
      </c>
      <c r="O13" s="61"/>
      <c r="P13" s="61"/>
    </row>
    <row r="14" spans="1:16" s="50" customFormat="1" ht="21.9" customHeight="1" x14ac:dyDescent="0.2">
      <c r="A14" s="74"/>
      <c r="B14" s="67"/>
      <c r="C14" s="11">
        <v>-2.8902497741805866</v>
      </c>
      <c r="D14" s="11">
        <v>-1.4753498324745928</v>
      </c>
      <c r="E14" s="11">
        <v>-2.8145429729076188</v>
      </c>
      <c r="F14" s="11">
        <v>-4.5343402543691962</v>
      </c>
      <c r="G14" s="11">
        <v>-2.4306107985362813</v>
      </c>
      <c r="H14" s="12">
        <v>-4.3943804277225773</v>
      </c>
      <c r="I14" s="13">
        <v>-4.2286418090705657</v>
      </c>
      <c r="J14" s="11">
        <v>-1.0084935181046029</v>
      </c>
      <c r="K14" s="11">
        <v>-3.9648641760482328</v>
      </c>
      <c r="L14" s="67"/>
      <c r="M14" s="72"/>
      <c r="N14" s="73"/>
      <c r="O14" s="61"/>
      <c r="P14" s="61"/>
    </row>
    <row r="15" spans="1:16" s="50" customFormat="1" ht="21.9" customHeight="1" x14ac:dyDescent="0.2">
      <c r="A15" s="75" t="s">
        <v>168</v>
      </c>
      <c r="B15" s="24"/>
      <c r="C15" s="25">
        <v>1196553</v>
      </c>
      <c r="D15" s="26">
        <v>69832</v>
      </c>
      <c r="E15" s="26">
        <v>1266385</v>
      </c>
      <c r="F15" s="26">
        <v>1788891</v>
      </c>
      <c r="G15" s="26">
        <v>132908</v>
      </c>
      <c r="H15" s="27">
        <v>1921799</v>
      </c>
      <c r="I15" s="28">
        <v>580405</v>
      </c>
      <c r="J15" s="29">
        <v>55164</v>
      </c>
      <c r="K15" s="26">
        <v>635569</v>
      </c>
      <c r="L15" s="30">
        <v>1047</v>
      </c>
      <c r="M15" s="31">
        <v>75</v>
      </c>
      <c r="N15" s="32">
        <v>1122</v>
      </c>
      <c r="O15" s="61"/>
      <c r="P15" s="61"/>
    </row>
    <row r="16" spans="1:16" s="50" customFormat="1" ht="21.9" customHeight="1" x14ac:dyDescent="0.2">
      <c r="A16" s="76"/>
      <c r="B16" s="67"/>
      <c r="C16" s="11">
        <v>-1.9394075484872375</v>
      </c>
      <c r="D16" s="11">
        <v>-0.22004400880175634</v>
      </c>
      <c r="E16" s="11">
        <v>-1.8461421604645478</v>
      </c>
      <c r="F16" s="11">
        <v>-3.4179391188199126</v>
      </c>
      <c r="G16" s="11">
        <v>-1.4890636465382467</v>
      </c>
      <c r="H16" s="12">
        <v>-3.2869763451033318</v>
      </c>
      <c r="I16" s="13">
        <v>-3.3128877279723912</v>
      </c>
      <c r="J16" s="11">
        <v>-0.35584617329889046</v>
      </c>
      <c r="K16" s="11">
        <v>-3.06320568959495</v>
      </c>
      <c r="L16" s="77"/>
      <c r="M16" s="72"/>
      <c r="N16" s="78"/>
      <c r="O16" s="61"/>
      <c r="P16" s="61"/>
    </row>
    <row r="17" spans="1:15" s="50" customFormat="1" ht="23.25" customHeight="1" x14ac:dyDescent="0.2">
      <c r="A17" s="79" t="s">
        <v>169</v>
      </c>
      <c r="B17" s="80" t="s">
        <v>170</v>
      </c>
      <c r="C17" s="33">
        <v>1220218</v>
      </c>
      <c r="D17" s="33">
        <v>70207</v>
      </c>
      <c r="E17" s="33">
        <v>1290425</v>
      </c>
      <c r="F17" s="33">
        <v>1852198</v>
      </c>
      <c r="G17" s="33">
        <v>134930</v>
      </c>
      <c r="H17" s="59">
        <v>1987128</v>
      </c>
      <c r="I17" s="81">
        <v>600292</v>
      </c>
      <c r="J17" s="82">
        <v>55431</v>
      </c>
      <c r="K17" s="34">
        <v>655723</v>
      </c>
      <c r="L17" s="83">
        <v>1046</v>
      </c>
      <c r="M17" s="33">
        <v>75</v>
      </c>
      <c r="N17" s="84">
        <v>1121</v>
      </c>
    </row>
    <row r="18" spans="1:15" s="50" customFormat="1" ht="23.25" customHeight="1" x14ac:dyDescent="0.2">
      <c r="A18" s="79" t="s">
        <v>171</v>
      </c>
      <c r="B18" s="85" t="s">
        <v>172</v>
      </c>
      <c r="C18" s="33">
        <v>1234394</v>
      </c>
      <c r="D18" s="33">
        <v>70432</v>
      </c>
      <c r="E18" s="33">
        <v>1304826</v>
      </c>
      <c r="F18" s="33">
        <v>1872136</v>
      </c>
      <c r="G18" s="33">
        <v>134676</v>
      </c>
      <c r="H18" s="59">
        <v>2006812</v>
      </c>
      <c r="I18" s="81">
        <v>609652</v>
      </c>
      <c r="J18" s="82">
        <v>55447</v>
      </c>
      <c r="K18" s="33">
        <v>665099</v>
      </c>
      <c r="L18" s="83">
        <v>1007</v>
      </c>
      <c r="M18" s="33">
        <v>75</v>
      </c>
      <c r="N18" s="84">
        <v>1082</v>
      </c>
    </row>
    <row r="19" spans="1:15" s="50" customFormat="1" ht="23.25" customHeight="1" x14ac:dyDescent="0.2">
      <c r="A19" s="79" t="s">
        <v>173</v>
      </c>
      <c r="B19" s="85" t="s">
        <v>174</v>
      </c>
      <c r="C19" s="33">
        <v>1230953</v>
      </c>
      <c r="D19" s="33">
        <v>70452</v>
      </c>
      <c r="E19" s="33">
        <v>1301405</v>
      </c>
      <c r="F19" s="33">
        <v>1863696</v>
      </c>
      <c r="G19" s="33">
        <v>134445</v>
      </c>
      <c r="H19" s="59">
        <v>1998141</v>
      </c>
      <c r="I19" s="81">
        <v>607570</v>
      </c>
      <c r="J19" s="82">
        <v>55486</v>
      </c>
      <c r="K19" s="33">
        <v>663056</v>
      </c>
      <c r="L19" s="83">
        <v>1054</v>
      </c>
      <c r="M19" s="33">
        <v>75</v>
      </c>
      <c r="N19" s="84">
        <v>1129</v>
      </c>
    </row>
    <row r="20" spans="1:15" s="50" customFormat="1" ht="23.25" customHeight="1" x14ac:dyDescent="0.2">
      <c r="A20" s="79" t="s">
        <v>175</v>
      </c>
      <c r="B20" s="85" t="s">
        <v>176</v>
      </c>
      <c r="C20" s="33">
        <v>1224170</v>
      </c>
      <c r="D20" s="33">
        <v>70466</v>
      </c>
      <c r="E20" s="33">
        <v>1294636</v>
      </c>
      <c r="F20" s="33">
        <v>1850146</v>
      </c>
      <c r="G20" s="33">
        <v>134353</v>
      </c>
      <c r="H20" s="59">
        <v>1984499</v>
      </c>
      <c r="I20" s="81">
        <v>603302</v>
      </c>
      <c r="J20" s="82">
        <v>55543</v>
      </c>
      <c r="K20" s="33">
        <v>658845</v>
      </c>
      <c r="L20" s="83">
        <v>1052</v>
      </c>
      <c r="M20" s="33">
        <v>75</v>
      </c>
      <c r="N20" s="84">
        <v>1127</v>
      </c>
    </row>
    <row r="21" spans="1:15" s="50" customFormat="1" ht="23.25" customHeight="1" x14ac:dyDescent="0.2">
      <c r="A21" s="79" t="s">
        <v>177</v>
      </c>
      <c r="B21" s="85" t="s">
        <v>178</v>
      </c>
      <c r="C21" s="33">
        <v>1217882</v>
      </c>
      <c r="D21" s="33">
        <v>70444</v>
      </c>
      <c r="E21" s="33">
        <v>1288326</v>
      </c>
      <c r="F21" s="33">
        <v>1837800</v>
      </c>
      <c r="G21" s="33">
        <v>134300</v>
      </c>
      <c r="H21" s="59">
        <v>1972100</v>
      </c>
      <c r="I21" s="81">
        <v>599388</v>
      </c>
      <c r="J21" s="82">
        <v>55571</v>
      </c>
      <c r="K21" s="33">
        <v>654959</v>
      </c>
      <c r="L21" s="83">
        <v>1043</v>
      </c>
      <c r="M21" s="33">
        <v>75</v>
      </c>
      <c r="N21" s="84">
        <v>1118</v>
      </c>
    </row>
    <row r="22" spans="1:15" s="50" customFormat="1" ht="23.25" customHeight="1" x14ac:dyDescent="0.2">
      <c r="A22" s="79" t="s">
        <v>179</v>
      </c>
      <c r="B22" s="85" t="s">
        <v>180</v>
      </c>
      <c r="C22" s="33">
        <v>1213695</v>
      </c>
      <c r="D22" s="33">
        <v>70403</v>
      </c>
      <c r="E22" s="33">
        <v>1284098</v>
      </c>
      <c r="F22" s="33">
        <v>1828915</v>
      </c>
      <c r="G22" s="33">
        <v>134137</v>
      </c>
      <c r="H22" s="59">
        <v>1963052</v>
      </c>
      <c r="I22" s="81">
        <v>596600</v>
      </c>
      <c r="J22" s="82">
        <v>55498</v>
      </c>
      <c r="K22" s="33">
        <v>652098</v>
      </c>
      <c r="L22" s="83">
        <v>1051</v>
      </c>
      <c r="M22" s="33">
        <v>74</v>
      </c>
      <c r="N22" s="84">
        <v>1125</v>
      </c>
    </row>
    <row r="23" spans="1:15" s="50" customFormat="1" ht="23.25" customHeight="1" x14ac:dyDescent="0.2">
      <c r="A23" s="79" t="s">
        <v>181</v>
      </c>
      <c r="B23" s="85" t="s">
        <v>182</v>
      </c>
      <c r="C23" s="33">
        <v>1211931</v>
      </c>
      <c r="D23" s="33">
        <v>70145</v>
      </c>
      <c r="E23" s="33">
        <v>1282076</v>
      </c>
      <c r="F23" s="33">
        <v>1823728</v>
      </c>
      <c r="G23" s="33">
        <v>133532</v>
      </c>
      <c r="H23" s="59">
        <v>1957260</v>
      </c>
      <c r="I23" s="81">
        <v>594575</v>
      </c>
      <c r="J23" s="82">
        <v>55365</v>
      </c>
      <c r="K23" s="33">
        <v>649940</v>
      </c>
      <c r="L23" s="83">
        <v>1049</v>
      </c>
      <c r="M23" s="33">
        <v>75</v>
      </c>
      <c r="N23" s="84">
        <v>1124</v>
      </c>
    </row>
    <row r="24" spans="1:15" s="50" customFormat="1" ht="23.25" customHeight="1" x14ac:dyDescent="0.2">
      <c r="A24" s="79" t="s">
        <v>183</v>
      </c>
      <c r="B24" s="85" t="s">
        <v>184</v>
      </c>
      <c r="C24" s="33">
        <v>1210601</v>
      </c>
      <c r="D24" s="33">
        <v>70098</v>
      </c>
      <c r="E24" s="33">
        <v>1280699</v>
      </c>
      <c r="F24" s="33">
        <v>1819584</v>
      </c>
      <c r="G24" s="33">
        <v>133477</v>
      </c>
      <c r="H24" s="59">
        <v>1953061</v>
      </c>
      <c r="I24" s="81">
        <v>593325</v>
      </c>
      <c r="J24" s="82">
        <v>55341</v>
      </c>
      <c r="K24" s="33">
        <v>648666</v>
      </c>
      <c r="L24" s="83">
        <v>1051</v>
      </c>
      <c r="M24" s="33">
        <v>76</v>
      </c>
      <c r="N24" s="84">
        <v>1127</v>
      </c>
    </row>
    <row r="25" spans="1:15" s="50" customFormat="1" ht="23.25" customHeight="1" x14ac:dyDescent="0.2">
      <c r="A25" s="79" t="s">
        <v>185</v>
      </c>
      <c r="B25" s="85" t="s">
        <v>186</v>
      </c>
      <c r="C25" s="33">
        <v>1206668</v>
      </c>
      <c r="D25" s="33">
        <v>70020</v>
      </c>
      <c r="E25" s="33">
        <v>1276688</v>
      </c>
      <c r="F25" s="33">
        <v>1812051</v>
      </c>
      <c r="G25" s="33">
        <v>133345</v>
      </c>
      <c r="H25" s="59">
        <v>1945396</v>
      </c>
      <c r="I25" s="81">
        <v>590767</v>
      </c>
      <c r="J25" s="82">
        <v>55285</v>
      </c>
      <c r="K25" s="33">
        <v>646052</v>
      </c>
      <c r="L25" s="83">
        <v>1053</v>
      </c>
      <c r="M25" s="33">
        <v>76</v>
      </c>
      <c r="N25" s="84">
        <v>1129</v>
      </c>
    </row>
    <row r="26" spans="1:15" s="50" customFormat="1" ht="23.25" customHeight="1" x14ac:dyDescent="0.2">
      <c r="A26" s="79" t="s">
        <v>187</v>
      </c>
      <c r="B26" s="85" t="s">
        <v>188</v>
      </c>
      <c r="C26" s="33">
        <v>1203144</v>
      </c>
      <c r="D26" s="33">
        <v>69935</v>
      </c>
      <c r="E26" s="33">
        <v>1273079</v>
      </c>
      <c r="F26" s="33">
        <v>1805185</v>
      </c>
      <c r="G26" s="33">
        <v>133186</v>
      </c>
      <c r="H26" s="59">
        <v>1938371</v>
      </c>
      <c r="I26" s="81">
        <v>587879</v>
      </c>
      <c r="J26" s="82">
        <v>55227</v>
      </c>
      <c r="K26" s="33">
        <v>643106</v>
      </c>
      <c r="L26" s="83">
        <v>1052</v>
      </c>
      <c r="M26" s="33">
        <v>75</v>
      </c>
      <c r="N26" s="84">
        <v>1127</v>
      </c>
    </row>
    <row r="27" spans="1:15" s="50" customFormat="1" ht="23.25" customHeight="1" x14ac:dyDescent="0.2">
      <c r="A27" s="79" t="s">
        <v>189</v>
      </c>
      <c r="B27" s="85" t="s">
        <v>190</v>
      </c>
      <c r="C27" s="33">
        <v>1199503</v>
      </c>
      <c r="D27" s="33">
        <v>69932</v>
      </c>
      <c r="E27" s="33">
        <v>1269435</v>
      </c>
      <c r="F27" s="33">
        <v>1798576</v>
      </c>
      <c r="G27" s="33">
        <v>133163</v>
      </c>
      <c r="H27" s="59">
        <v>1931739</v>
      </c>
      <c r="I27" s="81">
        <v>585206</v>
      </c>
      <c r="J27" s="82">
        <v>55224</v>
      </c>
      <c r="K27" s="33">
        <v>640430</v>
      </c>
      <c r="L27" s="83">
        <v>1048</v>
      </c>
      <c r="M27" s="33">
        <v>75</v>
      </c>
      <c r="N27" s="84">
        <v>1123</v>
      </c>
    </row>
    <row r="28" spans="1:15" s="50" customFormat="1" ht="23.25" customHeight="1" thickBot="1" x14ac:dyDescent="0.25">
      <c r="A28" s="86" t="s">
        <v>191</v>
      </c>
      <c r="B28" s="87" t="s">
        <v>192</v>
      </c>
      <c r="C28" s="45">
        <v>1196928</v>
      </c>
      <c r="D28" s="45">
        <v>69832</v>
      </c>
      <c r="E28" s="45">
        <v>1266760</v>
      </c>
      <c r="F28" s="45">
        <v>1792645</v>
      </c>
      <c r="G28" s="45">
        <v>132908</v>
      </c>
      <c r="H28" s="88">
        <v>1925553</v>
      </c>
      <c r="I28" s="89">
        <v>582463</v>
      </c>
      <c r="J28" s="90">
        <v>55164</v>
      </c>
      <c r="K28" s="45">
        <v>637627</v>
      </c>
      <c r="L28" s="91">
        <v>1030</v>
      </c>
      <c r="M28" s="45">
        <v>75</v>
      </c>
      <c r="N28" s="88">
        <v>1105</v>
      </c>
    </row>
    <row r="29" spans="1:15" s="50" customFormat="1" ht="15" customHeight="1" x14ac:dyDescent="0.2">
      <c r="A29" s="92" t="s">
        <v>193</v>
      </c>
      <c r="B29" s="92"/>
      <c r="C29" s="93"/>
      <c r="D29" s="93"/>
      <c r="E29" s="34"/>
      <c r="F29" s="34"/>
      <c r="G29" s="34"/>
      <c r="H29" s="34"/>
      <c r="I29" s="50" t="s">
        <v>194</v>
      </c>
    </row>
    <row r="30" spans="1:15" s="50" customFormat="1" ht="15" customHeight="1" x14ac:dyDescent="0.2">
      <c r="A30" s="50" t="s">
        <v>195</v>
      </c>
      <c r="I30" s="50" t="s">
        <v>196</v>
      </c>
    </row>
    <row r="31" spans="1:15" ht="15" customHeight="1" thickBot="1" x14ac:dyDescent="0.25">
      <c r="A31" s="94" t="s">
        <v>197</v>
      </c>
      <c r="B31" s="94"/>
      <c r="C31" s="50"/>
      <c r="D31" s="50"/>
      <c r="E31" s="50"/>
      <c r="F31" s="50"/>
      <c r="G31" s="50"/>
      <c r="H31" s="50"/>
      <c r="I31" s="50"/>
      <c r="J31" s="50"/>
      <c r="K31" s="50"/>
      <c r="L31" s="50"/>
      <c r="M31" s="50"/>
      <c r="N31" s="50"/>
    </row>
    <row r="32" spans="1:15" ht="15" customHeight="1" x14ac:dyDescent="0.2">
      <c r="A32" s="50"/>
      <c r="B32" s="50"/>
      <c r="C32" s="50"/>
      <c r="D32" s="50"/>
      <c r="E32" s="50"/>
      <c r="F32" s="50"/>
      <c r="G32" s="50"/>
      <c r="H32" s="92"/>
      <c r="I32" s="95" t="s">
        <v>198</v>
      </c>
      <c r="J32" s="96" t="s">
        <v>164</v>
      </c>
      <c r="K32" s="96" t="s">
        <v>165</v>
      </c>
      <c r="L32" s="97" t="s">
        <v>166</v>
      </c>
      <c r="M32" s="98" t="s">
        <v>167</v>
      </c>
      <c r="N32" s="99" t="s">
        <v>199</v>
      </c>
      <c r="O32" s="61"/>
    </row>
    <row r="33" spans="1:14" ht="15" customHeight="1" x14ac:dyDescent="0.2">
      <c r="A33" s="50" t="s">
        <v>200</v>
      </c>
      <c r="B33" s="50"/>
      <c r="C33" s="50"/>
      <c r="D33" s="50"/>
      <c r="E33" s="50"/>
      <c r="F33" s="50"/>
      <c r="G33" s="50"/>
      <c r="H33" s="50"/>
      <c r="I33" s="60" t="s">
        <v>156</v>
      </c>
      <c r="J33" s="83">
        <v>1432096</v>
      </c>
      <c r="K33" s="83">
        <v>1375525</v>
      </c>
      <c r="L33" s="33">
        <v>1327569</v>
      </c>
      <c r="M33" s="34">
        <v>1290204</v>
      </c>
      <c r="N33" s="59">
        <v>1266385</v>
      </c>
    </row>
    <row r="34" spans="1:14" ht="15" customHeight="1" thickBot="1" x14ac:dyDescent="0.25">
      <c r="A34" s="50"/>
      <c r="B34" s="50"/>
      <c r="C34" s="50"/>
      <c r="D34" s="50"/>
      <c r="E34" s="50"/>
      <c r="F34" s="50"/>
      <c r="G34" s="50"/>
      <c r="H34" s="50"/>
      <c r="I34" s="100" t="s">
        <v>201</v>
      </c>
      <c r="J34" s="101"/>
      <c r="K34" s="101"/>
      <c r="L34" s="35"/>
      <c r="M34" s="36"/>
      <c r="N34" s="102"/>
    </row>
    <row r="35" spans="1:14" ht="15" customHeight="1" x14ac:dyDescent="0.2">
      <c r="A35" s="246" t="s">
        <v>202</v>
      </c>
      <c r="B35" s="247"/>
      <c r="C35" s="96" t="s">
        <v>203</v>
      </c>
      <c r="D35" s="96" t="s">
        <v>204</v>
      </c>
      <c r="E35" s="96" t="s">
        <v>165</v>
      </c>
      <c r="F35" s="97" t="s">
        <v>205</v>
      </c>
      <c r="G35" s="98" t="s">
        <v>167</v>
      </c>
      <c r="H35" s="99" t="s">
        <v>168</v>
      </c>
      <c r="I35" s="60" t="s">
        <v>157</v>
      </c>
      <c r="J35" s="83">
        <v>2331459</v>
      </c>
      <c r="K35" s="83">
        <v>2194244</v>
      </c>
      <c r="L35" s="33">
        <v>2078450</v>
      </c>
      <c r="M35" s="34">
        <v>1987115</v>
      </c>
      <c r="N35" s="59">
        <v>1921799</v>
      </c>
    </row>
    <row r="36" spans="1:14" ht="15" customHeight="1" x14ac:dyDescent="0.2">
      <c r="A36" s="248" t="s">
        <v>206</v>
      </c>
      <c r="B36" s="249"/>
      <c r="C36" s="103">
        <v>9099935</v>
      </c>
      <c r="D36" s="104">
        <v>9129317</v>
      </c>
      <c r="E36" s="104">
        <v>9144183</v>
      </c>
      <c r="F36" s="37">
        <v>9161113</v>
      </c>
      <c r="G36" s="38">
        <v>9180510</v>
      </c>
      <c r="H36" s="39">
        <v>9204965</v>
      </c>
      <c r="I36" s="100" t="s">
        <v>207</v>
      </c>
      <c r="J36" s="101"/>
      <c r="K36" s="101"/>
      <c r="L36" s="35"/>
      <c r="M36" s="35"/>
      <c r="N36" s="105"/>
    </row>
    <row r="37" spans="1:14" ht="15" customHeight="1" x14ac:dyDescent="0.2">
      <c r="A37" s="106"/>
      <c r="B37" s="107"/>
      <c r="C37" s="11">
        <v>0.2</v>
      </c>
      <c r="D37" s="11">
        <v>0.32288142717502577</v>
      </c>
      <c r="E37" s="11">
        <v>0.16283803049013112</v>
      </c>
      <c r="F37" s="11">
        <v>0.18514502607833716</v>
      </c>
      <c r="G37" s="11">
        <v>0.21173191510681644</v>
      </c>
      <c r="H37" s="12">
        <v>0.26637953664883085</v>
      </c>
      <c r="I37" s="108" t="s">
        <v>159</v>
      </c>
      <c r="J37" s="83">
        <v>1175</v>
      </c>
      <c r="K37" s="83">
        <v>1161</v>
      </c>
      <c r="L37" s="33">
        <v>1127</v>
      </c>
      <c r="M37" s="34">
        <v>1121</v>
      </c>
      <c r="N37" s="59">
        <v>1122</v>
      </c>
    </row>
    <row r="38" spans="1:14" ht="15" customHeight="1" x14ac:dyDescent="0.2">
      <c r="A38" s="248" t="s">
        <v>208</v>
      </c>
      <c r="B38" s="249"/>
      <c r="C38" s="40">
        <v>2431141</v>
      </c>
      <c r="D38" s="40">
        <v>2331459</v>
      </c>
      <c r="E38" s="40">
        <v>2194244</v>
      </c>
      <c r="F38" s="37">
        <v>2086763</v>
      </c>
      <c r="G38" s="38">
        <v>1994334</v>
      </c>
      <c r="H38" s="39">
        <v>1925553</v>
      </c>
      <c r="I38" s="100" t="s">
        <v>209</v>
      </c>
      <c r="J38" s="101"/>
      <c r="K38" s="101"/>
      <c r="L38" s="35"/>
      <c r="M38" s="36"/>
      <c r="N38" s="102"/>
    </row>
    <row r="39" spans="1:14" ht="15" customHeight="1" x14ac:dyDescent="0.2">
      <c r="A39" s="106"/>
      <c r="B39" s="107"/>
      <c r="C39" s="11">
        <v>-3.1</v>
      </c>
      <c r="D39" s="11">
        <v>-4.1002146728634781</v>
      </c>
      <c r="E39" s="11">
        <v>-5.8853704911817069</v>
      </c>
      <c r="F39" s="11">
        <v>-4.8983157752738542</v>
      </c>
      <c r="G39" s="11">
        <v>-4.429300308659867</v>
      </c>
      <c r="H39" s="12">
        <v>-3.448820508500583</v>
      </c>
      <c r="I39" s="60" t="s">
        <v>210</v>
      </c>
      <c r="J39" s="83">
        <v>1219</v>
      </c>
      <c r="K39" s="83">
        <v>1185</v>
      </c>
      <c r="L39" s="33">
        <v>1178</v>
      </c>
      <c r="M39" s="34">
        <v>1151</v>
      </c>
      <c r="N39" s="59">
        <v>1129</v>
      </c>
    </row>
    <row r="40" spans="1:14" ht="15" customHeight="1" thickBot="1" x14ac:dyDescent="0.25">
      <c r="A40" s="250" t="s">
        <v>211</v>
      </c>
      <c r="B40" s="251"/>
      <c r="C40" s="41">
        <v>26.72</v>
      </c>
      <c r="D40" s="41">
        <v>25.54</v>
      </c>
      <c r="E40" s="41">
        <v>24</v>
      </c>
      <c r="F40" s="42">
        <v>22.78</v>
      </c>
      <c r="G40" s="43">
        <v>21.72</v>
      </c>
      <c r="H40" s="44">
        <v>20.92</v>
      </c>
      <c r="I40" s="100" t="s">
        <v>212</v>
      </c>
      <c r="J40" s="101"/>
      <c r="K40" s="101"/>
      <c r="L40" s="35"/>
      <c r="M40" s="36"/>
      <c r="N40" s="102"/>
    </row>
    <row r="41" spans="1:14" ht="15" customHeight="1" x14ac:dyDescent="0.2">
      <c r="A41" s="50" t="s">
        <v>213</v>
      </c>
      <c r="B41" s="50"/>
      <c r="C41" s="50"/>
      <c r="D41" s="50"/>
      <c r="E41" s="50"/>
      <c r="F41" s="50"/>
      <c r="G41" s="50"/>
      <c r="H41" s="50"/>
      <c r="I41" s="60" t="s">
        <v>214</v>
      </c>
      <c r="J41" s="83">
        <v>1984</v>
      </c>
      <c r="K41" s="83">
        <v>1890</v>
      </c>
      <c r="L41" s="33">
        <v>1844</v>
      </c>
      <c r="M41" s="34">
        <v>1773</v>
      </c>
      <c r="N41" s="59">
        <v>1713</v>
      </c>
    </row>
    <row r="42" spans="1:14" ht="15" customHeight="1" thickBot="1" x14ac:dyDescent="0.25">
      <c r="A42" s="252" t="s">
        <v>215</v>
      </c>
      <c r="B42" s="252"/>
      <c r="C42" s="252"/>
      <c r="D42" s="252"/>
      <c r="E42" s="252"/>
      <c r="F42" s="252"/>
      <c r="G42" s="252"/>
      <c r="H42" s="252"/>
      <c r="I42" s="109" t="s">
        <v>216</v>
      </c>
      <c r="J42" s="91"/>
      <c r="K42" s="91"/>
      <c r="L42" s="45"/>
      <c r="M42" s="46"/>
      <c r="N42" s="88"/>
    </row>
    <row r="43" spans="1:14" ht="15" customHeight="1" x14ac:dyDescent="0.2">
      <c r="A43" s="253" t="s">
        <v>217</v>
      </c>
      <c r="B43" s="254"/>
      <c r="C43" s="254"/>
      <c r="D43" s="254"/>
      <c r="E43" s="254"/>
      <c r="F43" s="254"/>
      <c r="G43" s="254"/>
      <c r="H43" s="254"/>
    </row>
  </sheetData>
  <mergeCells count="12">
    <mergeCell ref="A43:H43"/>
    <mergeCell ref="M2:N2"/>
    <mergeCell ref="A3:B4"/>
    <mergeCell ref="C3:E3"/>
    <mergeCell ref="F3:H3"/>
    <mergeCell ref="I3:K3"/>
    <mergeCell ref="L3:N3"/>
    <mergeCell ref="A35:B35"/>
    <mergeCell ref="A36:B36"/>
    <mergeCell ref="A38:B38"/>
    <mergeCell ref="A40:B40"/>
    <mergeCell ref="A42:H42"/>
  </mergeCells>
  <phoneticPr fontId="11"/>
  <pageMargins left="0.78740157480314965" right="0.39370078740157483" top="0.59055118110236227" bottom="0.59055118110236227" header="0.31496062992125984" footer="0.31496062992125984"/>
  <pageSetup paperSize="9" scale="97" fitToWidth="0" orientation="portrait" blackAndWhite="1" r:id="rId1"/>
  <headerFooter alignWithMargins="0"/>
  <colBreaks count="1" manualBreakCount="1">
    <brk id="8" max="66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50"/>
  <sheetViews>
    <sheetView zoomScaleNormal="100" zoomScaleSheetLayoutView="100" workbookViewId="0">
      <pane ySplit="5" topLeftCell="A6" activePane="bottomLeft" state="frozen"/>
      <selection pane="bottomLeft"/>
    </sheetView>
  </sheetViews>
  <sheetFormatPr defaultColWidth="9" defaultRowHeight="12" x14ac:dyDescent="0.15"/>
  <cols>
    <col min="1" max="1" width="3.88671875" style="211" customWidth="1"/>
    <col min="2" max="2" width="9.33203125" style="211" customWidth="1"/>
    <col min="3" max="3" width="7.33203125" style="212" customWidth="1"/>
    <col min="4" max="4" width="7.77734375" style="212" customWidth="1"/>
    <col min="5" max="7" width="6.88671875" style="212" customWidth="1"/>
    <col min="8" max="8" width="7.33203125" style="212" customWidth="1"/>
    <col min="9" max="9" width="8.6640625" style="212" customWidth="1"/>
    <col min="10" max="10" width="7.33203125" style="212" customWidth="1"/>
    <col min="11" max="11" width="7.77734375" style="212" customWidth="1"/>
    <col min="12" max="12" width="6.88671875" style="212" customWidth="1"/>
    <col min="13" max="15" width="7.33203125" style="212" customWidth="1"/>
    <col min="16" max="16" width="7.77734375" style="212" customWidth="1"/>
    <col min="17" max="17" width="9" style="212" customWidth="1"/>
    <col min="18" max="16384" width="9" style="211"/>
  </cols>
  <sheetData>
    <row r="1" spans="1:17" s="166" customFormat="1" ht="18" customHeight="1" x14ac:dyDescent="0.2">
      <c r="A1" s="163" t="s">
        <v>96</v>
      </c>
      <c r="B1" s="164"/>
      <c r="C1" s="165"/>
      <c r="E1" s="167"/>
      <c r="F1" s="165"/>
      <c r="G1" s="165"/>
      <c r="H1" s="168"/>
      <c r="I1" s="168"/>
      <c r="J1" s="168"/>
      <c r="K1" s="168"/>
      <c r="L1" s="168"/>
      <c r="M1" s="168"/>
      <c r="N1" s="168"/>
      <c r="O1" s="168"/>
      <c r="Q1" s="169"/>
    </row>
    <row r="2" spans="1:17" s="166" customFormat="1" ht="12.6" thickBot="1" x14ac:dyDescent="0.25">
      <c r="A2" s="164"/>
      <c r="B2" s="164"/>
      <c r="C2" s="165"/>
      <c r="E2" s="167"/>
      <c r="F2" s="165"/>
      <c r="G2" s="165"/>
      <c r="H2" s="168"/>
      <c r="I2" s="168"/>
      <c r="J2" s="168"/>
      <c r="K2" s="168"/>
      <c r="L2" s="168"/>
      <c r="M2" s="168"/>
      <c r="N2" s="168"/>
      <c r="O2" s="168"/>
      <c r="Q2" s="169" t="s">
        <v>97</v>
      </c>
    </row>
    <row r="3" spans="1:17" s="166" customFormat="1" ht="12" customHeight="1" x14ac:dyDescent="0.2">
      <c r="A3" s="271" t="s">
        <v>11</v>
      </c>
      <c r="B3" s="272"/>
      <c r="C3" s="277" t="s">
        <v>98</v>
      </c>
      <c r="D3" s="278"/>
      <c r="E3" s="278"/>
      <c r="F3" s="278"/>
      <c r="G3" s="278"/>
      <c r="H3" s="278"/>
      <c r="I3" s="278"/>
      <c r="J3" s="281" t="s">
        <v>99</v>
      </c>
      <c r="K3" s="278"/>
      <c r="L3" s="278"/>
      <c r="M3" s="278"/>
      <c r="N3" s="278"/>
      <c r="O3" s="278"/>
      <c r="P3" s="282"/>
      <c r="Q3" s="285" t="s">
        <v>100</v>
      </c>
    </row>
    <row r="4" spans="1:17" s="166" customFormat="1" ht="12" customHeight="1" x14ac:dyDescent="0.2">
      <c r="A4" s="273"/>
      <c r="B4" s="274"/>
      <c r="C4" s="279"/>
      <c r="D4" s="280"/>
      <c r="E4" s="280"/>
      <c r="F4" s="280"/>
      <c r="G4" s="280"/>
      <c r="H4" s="280"/>
      <c r="I4" s="280"/>
      <c r="J4" s="283"/>
      <c r="K4" s="280"/>
      <c r="L4" s="280"/>
      <c r="M4" s="280"/>
      <c r="N4" s="280"/>
      <c r="O4" s="280"/>
      <c r="P4" s="284"/>
      <c r="Q4" s="286"/>
    </row>
    <row r="5" spans="1:17" s="166" customFormat="1" ht="25.5" customHeight="1" thickBot="1" x14ac:dyDescent="0.25">
      <c r="A5" s="275"/>
      <c r="B5" s="276"/>
      <c r="C5" s="170" t="s">
        <v>101</v>
      </c>
      <c r="D5" s="171" t="s">
        <v>102</v>
      </c>
      <c r="E5" s="171" t="s">
        <v>103</v>
      </c>
      <c r="F5" s="170" t="s">
        <v>104</v>
      </c>
      <c r="G5" s="170" t="s">
        <v>105</v>
      </c>
      <c r="H5" s="170" t="s">
        <v>106</v>
      </c>
      <c r="I5" s="170" t="s">
        <v>95</v>
      </c>
      <c r="J5" s="172" t="s">
        <v>107</v>
      </c>
      <c r="K5" s="171" t="s">
        <v>108</v>
      </c>
      <c r="L5" s="171" t="s">
        <v>109</v>
      </c>
      <c r="M5" s="170" t="s">
        <v>110</v>
      </c>
      <c r="N5" s="170" t="s">
        <v>111</v>
      </c>
      <c r="O5" s="170" t="s">
        <v>106</v>
      </c>
      <c r="P5" s="173" t="s">
        <v>95</v>
      </c>
      <c r="Q5" s="287"/>
    </row>
    <row r="6" spans="1:17" s="166" customFormat="1" ht="21.9" customHeight="1" thickTop="1" x14ac:dyDescent="0.2">
      <c r="A6" s="174">
        <v>1</v>
      </c>
      <c r="B6" s="175" t="s">
        <v>23</v>
      </c>
      <c r="C6" s="176">
        <v>31189</v>
      </c>
      <c r="D6" s="176">
        <v>95456</v>
      </c>
      <c r="E6" s="176">
        <v>2491</v>
      </c>
      <c r="F6" s="176">
        <v>2136</v>
      </c>
      <c r="G6" s="176">
        <v>0</v>
      </c>
      <c r="H6" s="176">
        <v>19864</v>
      </c>
      <c r="I6" s="177">
        <v>151136</v>
      </c>
      <c r="J6" s="178">
        <v>25412</v>
      </c>
      <c r="K6" s="177">
        <v>85272</v>
      </c>
      <c r="L6" s="177">
        <v>4016</v>
      </c>
      <c r="M6" s="177">
        <v>4408</v>
      </c>
      <c r="N6" s="177">
        <v>27256</v>
      </c>
      <c r="O6" s="177">
        <v>15145</v>
      </c>
      <c r="P6" s="179">
        <v>161509</v>
      </c>
      <c r="Q6" s="180">
        <v>-10373</v>
      </c>
    </row>
    <row r="7" spans="1:17" s="166" customFormat="1" ht="21.9" customHeight="1" x14ac:dyDescent="0.2">
      <c r="A7" s="174">
        <v>2</v>
      </c>
      <c r="B7" s="175" t="s">
        <v>112</v>
      </c>
      <c r="C7" s="177">
        <v>18374</v>
      </c>
      <c r="D7" s="177">
        <v>41067</v>
      </c>
      <c r="E7" s="177">
        <v>939</v>
      </c>
      <c r="F7" s="177">
        <v>1025</v>
      </c>
      <c r="G7" s="177">
        <v>1</v>
      </c>
      <c r="H7" s="177">
        <v>4205</v>
      </c>
      <c r="I7" s="177">
        <v>65611</v>
      </c>
      <c r="J7" s="181">
        <v>15133</v>
      </c>
      <c r="K7" s="177">
        <v>40907</v>
      </c>
      <c r="L7" s="177">
        <v>1527</v>
      </c>
      <c r="M7" s="177">
        <v>1587</v>
      </c>
      <c r="N7" s="177">
        <v>9439</v>
      </c>
      <c r="O7" s="177">
        <v>5026</v>
      </c>
      <c r="P7" s="182">
        <v>73619</v>
      </c>
      <c r="Q7" s="180">
        <v>-8008</v>
      </c>
    </row>
    <row r="8" spans="1:17" s="166" customFormat="1" ht="21.9" customHeight="1" x14ac:dyDescent="0.2">
      <c r="A8" s="174">
        <v>3</v>
      </c>
      <c r="B8" s="175" t="s">
        <v>113</v>
      </c>
      <c r="C8" s="177">
        <v>2818</v>
      </c>
      <c r="D8" s="177">
        <v>11008</v>
      </c>
      <c r="E8" s="177">
        <v>164</v>
      </c>
      <c r="F8" s="177">
        <v>305</v>
      </c>
      <c r="G8" s="177">
        <v>1</v>
      </c>
      <c r="H8" s="177">
        <v>659</v>
      </c>
      <c r="I8" s="177">
        <v>14955</v>
      </c>
      <c r="J8" s="181">
        <v>2691</v>
      </c>
      <c r="K8" s="177">
        <v>9520</v>
      </c>
      <c r="L8" s="177">
        <v>420</v>
      </c>
      <c r="M8" s="177">
        <v>712</v>
      </c>
      <c r="N8" s="177">
        <v>4747</v>
      </c>
      <c r="O8" s="177">
        <v>967</v>
      </c>
      <c r="P8" s="182">
        <v>19057</v>
      </c>
      <c r="Q8" s="180">
        <v>-4102</v>
      </c>
    </row>
    <row r="9" spans="1:17" s="166" customFormat="1" ht="21.9" customHeight="1" x14ac:dyDescent="0.2">
      <c r="A9" s="174">
        <v>4</v>
      </c>
      <c r="B9" s="175" t="s">
        <v>114</v>
      </c>
      <c r="C9" s="177">
        <v>2349</v>
      </c>
      <c r="D9" s="177">
        <v>7691</v>
      </c>
      <c r="E9" s="177">
        <v>146</v>
      </c>
      <c r="F9" s="177">
        <v>170</v>
      </c>
      <c r="G9" s="177">
        <v>0</v>
      </c>
      <c r="H9" s="177">
        <v>271</v>
      </c>
      <c r="I9" s="177">
        <v>10627</v>
      </c>
      <c r="J9" s="181">
        <v>1801</v>
      </c>
      <c r="K9" s="177">
        <v>6975</v>
      </c>
      <c r="L9" s="177">
        <v>275</v>
      </c>
      <c r="M9" s="177">
        <v>420</v>
      </c>
      <c r="N9" s="177">
        <v>2492</v>
      </c>
      <c r="O9" s="177">
        <v>383</v>
      </c>
      <c r="P9" s="182">
        <v>12346</v>
      </c>
      <c r="Q9" s="180">
        <v>-1719</v>
      </c>
    </row>
    <row r="10" spans="1:17" s="166" customFormat="1" ht="21.9" customHeight="1" x14ac:dyDescent="0.2">
      <c r="A10" s="174">
        <v>5</v>
      </c>
      <c r="B10" s="175" t="s">
        <v>115</v>
      </c>
      <c r="C10" s="177">
        <v>1522</v>
      </c>
      <c r="D10" s="177">
        <v>4658</v>
      </c>
      <c r="E10" s="177">
        <v>40</v>
      </c>
      <c r="F10" s="177">
        <v>113</v>
      </c>
      <c r="G10" s="177">
        <v>0</v>
      </c>
      <c r="H10" s="177">
        <v>778</v>
      </c>
      <c r="I10" s="177">
        <v>7111</v>
      </c>
      <c r="J10" s="181">
        <v>1341</v>
      </c>
      <c r="K10" s="177">
        <v>4481</v>
      </c>
      <c r="L10" s="177">
        <v>97</v>
      </c>
      <c r="M10" s="177">
        <v>220</v>
      </c>
      <c r="N10" s="177">
        <v>1974</v>
      </c>
      <c r="O10" s="177">
        <v>847</v>
      </c>
      <c r="P10" s="182">
        <v>8960</v>
      </c>
      <c r="Q10" s="180">
        <v>-1849</v>
      </c>
    </row>
    <row r="11" spans="1:17" s="166" customFormat="1" ht="21.9" customHeight="1" x14ac:dyDescent="0.2">
      <c r="A11" s="174">
        <v>6</v>
      </c>
      <c r="B11" s="175" t="s">
        <v>116</v>
      </c>
      <c r="C11" s="177">
        <v>3931</v>
      </c>
      <c r="D11" s="177">
        <v>11733</v>
      </c>
      <c r="E11" s="177">
        <v>206</v>
      </c>
      <c r="F11" s="177">
        <v>300</v>
      </c>
      <c r="G11" s="177">
        <v>1</v>
      </c>
      <c r="H11" s="177">
        <v>1972</v>
      </c>
      <c r="I11" s="177">
        <v>18143</v>
      </c>
      <c r="J11" s="181">
        <v>3405</v>
      </c>
      <c r="K11" s="177">
        <v>10726</v>
      </c>
      <c r="L11" s="177">
        <v>452</v>
      </c>
      <c r="M11" s="177">
        <v>521</v>
      </c>
      <c r="N11" s="177">
        <v>3635</v>
      </c>
      <c r="O11" s="177">
        <v>2297</v>
      </c>
      <c r="P11" s="182">
        <v>21036</v>
      </c>
      <c r="Q11" s="180">
        <v>-2893</v>
      </c>
    </row>
    <row r="12" spans="1:17" s="166" customFormat="1" ht="21.9" customHeight="1" x14ac:dyDescent="0.2">
      <c r="A12" s="174">
        <v>7</v>
      </c>
      <c r="B12" s="175" t="s">
        <v>117</v>
      </c>
      <c r="C12" s="177">
        <v>1599</v>
      </c>
      <c r="D12" s="177">
        <v>5545</v>
      </c>
      <c r="E12" s="177">
        <v>143</v>
      </c>
      <c r="F12" s="177">
        <v>122</v>
      </c>
      <c r="G12" s="177">
        <v>1</v>
      </c>
      <c r="H12" s="177">
        <v>414</v>
      </c>
      <c r="I12" s="177">
        <v>7824</v>
      </c>
      <c r="J12" s="181">
        <v>1498</v>
      </c>
      <c r="K12" s="177">
        <v>4964</v>
      </c>
      <c r="L12" s="177">
        <v>272</v>
      </c>
      <c r="M12" s="177">
        <v>293</v>
      </c>
      <c r="N12" s="177">
        <v>1873</v>
      </c>
      <c r="O12" s="177">
        <v>372</v>
      </c>
      <c r="P12" s="182">
        <v>9272</v>
      </c>
      <c r="Q12" s="180">
        <v>-1448</v>
      </c>
    </row>
    <row r="13" spans="1:17" s="166" customFormat="1" ht="21.9" customHeight="1" x14ac:dyDescent="0.2">
      <c r="A13" s="174">
        <v>8</v>
      </c>
      <c r="B13" s="175" t="s">
        <v>118</v>
      </c>
      <c r="C13" s="177">
        <v>2060</v>
      </c>
      <c r="D13" s="177">
        <v>7203</v>
      </c>
      <c r="E13" s="177">
        <v>125</v>
      </c>
      <c r="F13" s="177">
        <v>144</v>
      </c>
      <c r="G13" s="177">
        <v>0</v>
      </c>
      <c r="H13" s="177">
        <v>548</v>
      </c>
      <c r="I13" s="177">
        <v>10080</v>
      </c>
      <c r="J13" s="181">
        <v>1723</v>
      </c>
      <c r="K13" s="177">
        <v>6422</v>
      </c>
      <c r="L13" s="177">
        <v>157</v>
      </c>
      <c r="M13" s="177">
        <v>342</v>
      </c>
      <c r="N13" s="177">
        <v>2194</v>
      </c>
      <c r="O13" s="177">
        <v>713</v>
      </c>
      <c r="P13" s="182">
        <v>11551</v>
      </c>
      <c r="Q13" s="180">
        <v>-1471</v>
      </c>
    </row>
    <row r="14" spans="1:17" s="166" customFormat="1" ht="21.9" customHeight="1" x14ac:dyDescent="0.2">
      <c r="A14" s="174">
        <v>9</v>
      </c>
      <c r="B14" s="175" t="s">
        <v>119</v>
      </c>
      <c r="C14" s="177">
        <v>432</v>
      </c>
      <c r="D14" s="177">
        <v>1584</v>
      </c>
      <c r="E14" s="177">
        <v>16</v>
      </c>
      <c r="F14" s="177">
        <v>52</v>
      </c>
      <c r="G14" s="177">
        <v>0</v>
      </c>
      <c r="H14" s="177">
        <v>207</v>
      </c>
      <c r="I14" s="177">
        <v>2291</v>
      </c>
      <c r="J14" s="181">
        <v>444</v>
      </c>
      <c r="K14" s="177">
        <v>1401</v>
      </c>
      <c r="L14" s="177">
        <v>33</v>
      </c>
      <c r="M14" s="177">
        <v>76</v>
      </c>
      <c r="N14" s="177">
        <v>681</v>
      </c>
      <c r="O14" s="177">
        <v>154</v>
      </c>
      <c r="P14" s="182">
        <v>2789</v>
      </c>
      <c r="Q14" s="180">
        <v>-498</v>
      </c>
    </row>
    <row r="15" spans="1:17" s="166" customFormat="1" ht="21.9" customHeight="1" x14ac:dyDescent="0.2">
      <c r="A15" s="174">
        <v>10</v>
      </c>
      <c r="B15" s="175" t="s">
        <v>120</v>
      </c>
      <c r="C15" s="177">
        <v>6679</v>
      </c>
      <c r="D15" s="177">
        <v>22616</v>
      </c>
      <c r="E15" s="177">
        <v>716</v>
      </c>
      <c r="F15" s="177">
        <v>475</v>
      </c>
      <c r="G15" s="177">
        <v>1</v>
      </c>
      <c r="H15" s="177">
        <v>2720</v>
      </c>
      <c r="I15" s="177">
        <v>33207</v>
      </c>
      <c r="J15" s="181">
        <v>6212</v>
      </c>
      <c r="K15" s="177">
        <v>21789</v>
      </c>
      <c r="L15" s="177">
        <v>985</v>
      </c>
      <c r="M15" s="177">
        <v>1010</v>
      </c>
      <c r="N15" s="177">
        <v>6948</v>
      </c>
      <c r="O15" s="177">
        <v>2578</v>
      </c>
      <c r="P15" s="182">
        <v>39522</v>
      </c>
      <c r="Q15" s="180">
        <v>-6315</v>
      </c>
    </row>
    <row r="16" spans="1:17" s="166" customFormat="1" ht="21.9" customHeight="1" x14ac:dyDescent="0.2">
      <c r="A16" s="174">
        <v>11</v>
      </c>
      <c r="B16" s="175" t="s">
        <v>121</v>
      </c>
      <c r="C16" s="177">
        <v>344</v>
      </c>
      <c r="D16" s="177">
        <v>1206</v>
      </c>
      <c r="E16" s="177">
        <v>13</v>
      </c>
      <c r="F16" s="177">
        <v>29</v>
      </c>
      <c r="G16" s="177">
        <v>0</v>
      </c>
      <c r="H16" s="177">
        <v>158</v>
      </c>
      <c r="I16" s="177">
        <v>1750</v>
      </c>
      <c r="J16" s="181">
        <v>364</v>
      </c>
      <c r="K16" s="177">
        <v>1144</v>
      </c>
      <c r="L16" s="177">
        <v>55</v>
      </c>
      <c r="M16" s="177">
        <v>100</v>
      </c>
      <c r="N16" s="177">
        <v>584</v>
      </c>
      <c r="O16" s="177">
        <v>204</v>
      </c>
      <c r="P16" s="182">
        <v>2451</v>
      </c>
      <c r="Q16" s="180">
        <v>-701</v>
      </c>
    </row>
    <row r="17" spans="1:17" s="166" customFormat="1" ht="21.9" customHeight="1" x14ac:dyDescent="0.2">
      <c r="A17" s="174">
        <v>12</v>
      </c>
      <c r="B17" s="175" t="s">
        <v>122</v>
      </c>
      <c r="C17" s="177">
        <v>1090</v>
      </c>
      <c r="D17" s="177">
        <v>4613</v>
      </c>
      <c r="E17" s="177">
        <v>62</v>
      </c>
      <c r="F17" s="177">
        <v>97</v>
      </c>
      <c r="G17" s="177">
        <v>0</v>
      </c>
      <c r="H17" s="177">
        <v>492</v>
      </c>
      <c r="I17" s="177">
        <v>6354</v>
      </c>
      <c r="J17" s="181">
        <v>1145</v>
      </c>
      <c r="K17" s="177">
        <v>3886</v>
      </c>
      <c r="L17" s="177">
        <v>134</v>
      </c>
      <c r="M17" s="177">
        <v>240</v>
      </c>
      <c r="N17" s="177">
        <v>1603</v>
      </c>
      <c r="O17" s="177">
        <v>486</v>
      </c>
      <c r="P17" s="182">
        <v>7494</v>
      </c>
      <c r="Q17" s="180">
        <v>-1140</v>
      </c>
    </row>
    <row r="18" spans="1:17" s="166" customFormat="1" ht="21.9" customHeight="1" x14ac:dyDescent="0.2">
      <c r="A18" s="174">
        <v>13</v>
      </c>
      <c r="B18" s="175" t="s">
        <v>123</v>
      </c>
      <c r="C18" s="177">
        <v>1758</v>
      </c>
      <c r="D18" s="177">
        <v>6728</v>
      </c>
      <c r="E18" s="177">
        <v>113</v>
      </c>
      <c r="F18" s="177">
        <v>217</v>
      </c>
      <c r="G18" s="177">
        <v>1</v>
      </c>
      <c r="H18" s="177">
        <v>1015</v>
      </c>
      <c r="I18" s="177">
        <v>9832</v>
      </c>
      <c r="J18" s="181">
        <v>1531</v>
      </c>
      <c r="K18" s="177">
        <v>6606</v>
      </c>
      <c r="L18" s="177">
        <v>215</v>
      </c>
      <c r="M18" s="177">
        <v>349</v>
      </c>
      <c r="N18" s="177">
        <v>2196</v>
      </c>
      <c r="O18" s="177">
        <v>1301</v>
      </c>
      <c r="P18" s="182">
        <v>12198</v>
      </c>
      <c r="Q18" s="180">
        <v>-2366</v>
      </c>
    </row>
    <row r="19" spans="1:17" s="166" customFormat="1" ht="21.9" customHeight="1" x14ac:dyDescent="0.2">
      <c r="A19" s="174">
        <v>14</v>
      </c>
      <c r="B19" s="175" t="s">
        <v>124</v>
      </c>
      <c r="C19" s="177">
        <v>2359</v>
      </c>
      <c r="D19" s="177">
        <v>7507</v>
      </c>
      <c r="E19" s="177">
        <v>162</v>
      </c>
      <c r="F19" s="177">
        <v>211</v>
      </c>
      <c r="G19" s="177">
        <v>0</v>
      </c>
      <c r="H19" s="177">
        <v>1179</v>
      </c>
      <c r="I19" s="177">
        <v>11418</v>
      </c>
      <c r="J19" s="181">
        <v>1949</v>
      </c>
      <c r="K19" s="177">
        <v>7003</v>
      </c>
      <c r="L19" s="177">
        <v>272</v>
      </c>
      <c r="M19" s="177">
        <v>353</v>
      </c>
      <c r="N19" s="177">
        <v>2072</v>
      </c>
      <c r="O19" s="177">
        <v>1152</v>
      </c>
      <c r="P19" s="182">
        <v>12801</v>
      </c>
      <c r="Q19" s="180">
        <v>-1383</v>
      </c>
    </row>
    <row r="20" spans="1:17" s="166" customFormat="1" ht="21.9" customHeight="1" x14ac:dyDescent="0.2">
      <c r="A20" s="174">
        <v>15</v>
      </c>
      <c r="B20" s="175" t="s">
        <v>125</v>
      </c>
      <c r="C20" s="177">
        <v>732</v>
      </c>
      <c r="D20" s="177">
        <v>2743</v>
      </c>
      <c r="E20" s="177">
        <v>56</v>
      </c>
      <c r="F20" s="177">
        <v>48</v>
      </c>
      <c r="G20" s="177">
        <v>1</v>
      </c>
      <c r="H20" s="177">
        <v>226</v>
      </c>
      <c r="I20" s="177">
        <v>3806</v>
      </c>
      <c r="J20" s="181">
        <v>667</v>
      </c>
      <c r="K20" s="177">
        <v>2589</v>
      </c>
      <c r="L20" s="177">
        <v>102</v>
      </c>
      <c r="M20" s="177">
        <v>133</v>
      </c>
      <c r="N20" s="177">
        <v>927</v>
      </c>
      <c r="O20" s="177">
        <v>259</v>
      </c>
      <c r="P20" s="182">
        <v>4677</v>
      </c>
      <c r="Q20" s="180">
        <v>-871</v>
      </c>
    </row>
    <row r="21" spans="1:17" s="166" customFormat="1" ht="21.9" customHeight="1" x14ac:dyDescent="0.2">
      <c r="A21" s="174">
        <v>16</v>
      </c>
      <c r="B21" s="175" t="s">
        <v>126</v>
      </c>
      <c r="C21" s="177">
        <v>1377</v>
      </c>
      <c r="D21" s="177">
        <v>3646</v>
      </c>
      <c r="E21" s="177">
        <v>65</v>
      </c>
      <c r="F21" s="177">
        <v>78</v>
      </c>
      <c r="G21" s="177">
        <v>1</v>
      </c>
      <c r="H21" s="177">
        <v>103</v>
      </c>
      <c r="I21" s="177">
        <v>5270</v>
      </c>
      <c r="J21" s="181">
        <v>1111</v>
      </c>
      <c r="K21" s="177">
        <v>3292</v>
      </c>
      <c r="L21" s="177">
        <v>91</v>
      </c>
      <c r="M21" s="177">
        <v>181</v>
      </c>
      <c r="N21" s="177">
        <v>1249</v>
      </c>
      <c r="O21" s="177">
        <v>196</v>
      </c>
      <c r="P21" s="182">
        <v>6120</v>
      </c>
      <c r="Q21" s="180">
        <v>-850</v>
      </c>
    </row>
    <row r="22" spans="1:17" s="166" customFormat="1" ht="21.9" customHeight="1" x14ac:dyDescent="0.2">
      <c r="A22" s="174">
        <v>17</v>
      </c>
      <c r="B22" s="175" t="s">
        <v>127</v>
      </c>
      <c r="C22" s="177">
        <v>1230</v>
      </c>
      <c r="D22" s="177">
        <v>4458</v>
      </c>
      <c r="E22" s="177">
        <v>155</v>
      </c>
      <c r="F22" s="177">
        <v>111</v>
      </c>
      <c r="G22" s="177">
        <v>0</v>
      </c>
      <c r="H22" s="177">
        <v>686</v>
      </c>
      <c r="I22" s="177">
        <v>6640</v>
      </c>
      <c r="J22" s="181">
        <v>1307</v>
      </c>
      <c r="K22" s="177">
        <v>4216</v>
      </c>
      <c r="L22" s="177">
        <v>192</v>
      </c>
      <c r="M22" s="177">
        <v>179</v>
      </c>
      <c r="N22" s="177">
        <v>1272</v>
      </c>
      <c r="O22" s="177">
        <v>509</v>
      </c>
      <c r="P22" s="182">
        <v>7675</v>
      </c>
      <c r="Q22" s="180">
        <v>-1035</v>
      </c>
    </row>
    <row r="23" spans="1:17" s="166" customFormat="1" ht="21.9" customHeight="1" x14ac:dyDescent="0.2">
      <c r="A23" s="183">
        <v>18</v>
      </c>
      <c r="B23" s="184" t="s">
        <v>128</v>
      </c>
      <c r="C23" s="185">
        <v>233</v>
      </c>
      <c r="D23" s="185">
        <v>1370</v>
      </c>
      <c r="E23" s="185">
        <v>16</v>
      </c>
      <c r="F23" s="185">
        <v>24</v>
      </c>
      <c r="G23" s="185">
        <v>0</v>
      </c>
      <c r="H23" s="185">
        <v>161</v>
      </c>
      <c r="I23" s="185">
        <v>1804</v>
      </c>
      <c r="J23" s="186">
        <v>355</v>
      </c>
      <c r="K23" s="185">
        <v>1110</v>
      </c>
      <c r="L23" s="185">
        <v>33</v>
      </c>
      <c r="M23" s="185">
        <v>69</v>
      </c>
      <c r="N23" s="185">
        <v>425</v>
      </c>
      <c r="O23" s="185">
        <v>131</v>
      </c>
      <c r="P23" s="187">
        <v>2123</v>
      </c>
      <c r="Q23" s="188">
        <v>-319</v>
      </c>
    </row>
    <row r="24" spans="1:17" s="166" customFormat="1" ht="21.9" customHeight="1" x14ac:dyDescent="0.2">
      <c r="A24" s="183">
        <v>19</v>
      </c>
      <c r="B24" s="189" t="s">
        <v>129</v>
      </c>
      <c r="C24" s="190">
        <v>413</v>
      </c>
      <c r="D24" s="190">
        <v>824</v>
      </c>
      <c r="E24" s="190">
        <v>1</v>
      </c>
      <c r="F24" s="190">
        <v>22</v>
      </c>
      <c r="G24" s="190">
        <v>0</v>
      </c>
      <c r="H24" s="190">
        <v>47</v>
      </c>
      <c r="I24" s="190">
        <v>1307</v>
      </c>
      <c r="J24" s="191">
        <v>374</v>
      </c>
      <c r="K24" s="190">
        <v>790</v>
      </c>
      <c r="L24" s="190">
        <v>13</v>
      </c>
      <c r="M24" s="190">
        <v>48</v>
      </c>
      <c r="N24" s="190">
        <v>361</v>
      </c>
      <c r="O24" s="190">
        <v>95</v>
      </c>
      <c r="P24" s="192">
        <v>1681</v>
      </c>
      <c r="Q24" s="193">
        <v>-374</v>
      </c>
    </row>
    <row r="25" spans="1:17" s="166" customFormat="1" ht="21.9" customHeight="1" x14ac:dyDescent="0.2">
      <c r="A25" s="183">
        <v>20</v>
      </c>
      <c r="B25" s="189" t="s">
        <v>130</v>
      </c>
      <c r="C25" s="190">
        <v>528</v>
      </c>
      <c r="D25" s="190">
        <v>1670</v>
      </c>
      <c r="E25" s="190">
        <v>32</v>
      </c>
      <c r="F25" s="190">
        <v>38</v>
      </c>
      <c r="G25" s="190">
        <v>0</v>
      </c>
      <c r="H25" s="190">
        <v>179</v>
      </c>
      <c r="I25" s="190">
        <v>2447</v>
      </c>
      <c r="J25" s="191">
        <v>405</v>
      </c>
      <c r="K25" s="190">
        <v>1321</v>
      </c>
      <c r="L25" s="190">
        <v>47</v>
      </c>
      <c r="M25" s="190">
        <v>71</v>
      </c>
      <c r="N25" s="190">
        <v>499</v>
      </c>
      <c r="O25" s="190">
        <v>308</v>
      </c>
      <c r="P25" s="192">
        <v>2651</v>
      </c>
      <c r="Q25" s="193">
        <v>-204</v>
      </c>
    </row>
    <row r="26" spans="1:17" s="166" customFormat="1" ht="21.9" customHeight="1" x14ac:dyDescent="0.2">
      <c r="A26" s="183">
        <v>21</v>
      </c>
      <c r="B26" s="189" t="s">
        <v>131</v>
      </c>
      <c r="C26" s="190">
        <v>720</v>
      </c>
      <c r="D26" s="190">
        <v>2726</v>
      </c>
      <c r="E26" s="190">
        <v>36</v>
      </c>
      <c r="F26" s="190">
        <v>87</v>
      </c>
      <c r="G26" s="190">
        <v>0</v>
      </c>
      <c r="H26" s="190">
        <v>720</v>
      </c>
      <c r="I26" s="190">
        <v>4289</v>
      </c>
      <c r="J26" s="191">
        <v>846</v>
      </c>
      <c r="K26" s="190">
        <v>2723</v>
      </c>
      <c r="L26" s="190">
        <v>60</v>
      </c>
      <c r="M26" s="190">
        <v>161</v>
      </c>
      <c r="N26" s="190">
        <v>959</v>
      </c>
      <c r="O26" s="190">
        <v>394</v>
      </c>
      <c r="P26" s="192">
        <v>5143</v>
      </c>
      <c r="Q26" s="193">
        <v>-854</v>
      </c>
    </row>
    <row r="27" spans="1:17" s="166" customFormat="1" ht="21.9" customHeight="1" x14ac:dyDescent="0.2">
      <c r="A27" s="183">
        <v>22</v>
      </c>
      <c r="B27" s="189" t="s">
        <v>132</v>
      </c>
      <c r="C27" s="190">
        <v>229</v>
      </c>
      <c r="D27" s="190">
        <v>896</v>
      </c>
      <c r="E27" s="190">
        <v>6</v>
      </c>
      <c r="F27" s="190">
        <v>15</v>
      </c>
      <c r="G27" s="190">
        <v>0</v>
      </c>
      <c r="H27" s="190">
        <v>178</v>
      </c>
      <c r="I27" s="190">
        <v>1324</v>
      </c>
      <c r="J27" s="191">
        <v>252</v>
      </c>
      <c r="K27" s="190">
        <v>876</v>
      </c>
      <c r="L27" s="190">
        <v>17</v>
      </c>
      <c r="M27" s="190">
        <v>64</v>
      </c>
      <c r="N27" s="190">
        <v>367</v>
      </c>
      <c r="O27" s="190">
        <v>139</v>
      </c>
      <c r="P27" s="192">
        <v>1715</v>
      </c>
      <c r="Q27" s="193">
        <v>-391</v>
      </c>
    </row>
    <row r="28" spans="1:17" s="166" customFormat="1" ht="21.9" customHeight="1" x14ac:dyDescent="0.2">
      <c r="A28" s="183">
        <v>23</v>
      </c>
      <c r="B28" s="175" t="s">
        <v>133</v>
      </c>
      <c r="C28" s="177">
        <v>257</v>
      </c>
      <c r="D28" s="177">
        <v>857</v>
      </c>
      <c r="E28" s="177">
        <v>10</v>
      </c>
      <c r="F28" s="177">
        <v>16</v>
      </c>
      <c r="G28" s="177">
        <v>1</v>
      </c>
      <c r="H28" s="177">
        <v>22</v>
      </c>
      <c r="I28" s="177">
        <v>1163</v>
      </c>
      <c r="J28" s="181">
        <v>229</v>
      </c>
      <c r="K28" s="177">
        <v>771</v>
      </c>
      <c r="L28" s="177">
        <v>16</v>
      </c>
      <c r="M28" s="177">
        <v>50</v>
      </c>
      <c r="N28" s="177">
        <v>383</v>
      </c>
      <c r="O28" s="177">
        <v>22</v>
      </c>
      <c r="P28" s="182">
        <v>1471</v>
      </c>
      <c r="Q28" s="180">
        <v>-308</v>
      </c>
    </row>
    <row r="29" spans="1:17" s="166" customFormat="1" ht="21.9" customHeight="1" x14ac:dyDescent="0.2">
      <c r="A29" s="174">
        <v>24</v>
      </c>
      <c r="B29" s="175" t="s">
        <v>134</v>
      </c>
      <c r="C29" s="177">
        <v>102</v>
      </c>
      <c r="D29" s="177">
        <v>239</v>
      </c>
      <c r="E29" s="177">
        <v>4</v>
      </c>
      <c r="F29" s="177">
        <v>9</v>
      </c>
      <c r="G29" s="177">
        <v>0</v>
      </c>
      <c r="H29" s="177">
        <v>10</v>
      </c>
      <c r="I29" s="177">
        <v>364</v>
      </c>
      <c r="J29" s="181">
        <v>76</v>
      </c>
      <c r="K29" s="177">
        <v>239</v>
      </c>
      <c r="L29" s="177">
        <v>7</v>
      </c>
      <c r="M29" s="177">
        <v>12</v>
      </c>
      <c r="N29" s="177">
        <v>108</v>
      </c>
      <c r="O29" s="177">
        <v>5</v>
      </c>
      <c r="P29" s="182">
        <v>447</v>
      </c>
      <c r="Q29" s="180">
        <v>-83</v>
      </c>
    </row>
    <row r="30" spans="1:17" s="166" customFormat="1" ht="21.9" customHeight="1" x14ac:dyDescent="0.2">
      <c r="A30" s="174">
        <v>25</v>
      </c>
      <c r="B30" s="175" t="s">
        <v>135</v>
      </c>
      <c r="C30" s="177">
        <v>183</v>
      </c>
      <c r="D30" s="177">
        <v>567</v>
      </c>
      <c r="E30" s="177">
        <v>10</v>
      </c>
      <c r="F30" s="177">
        <v>18</v>
      </c>
      <c r="G30" s="177">
        <v>0</v>
      </c>
      <c r="H30" s="177">
        <v>21</v>
      </c>
      <c r="I30" s="177">
        <v>799</v>
      </c>
      <c r="J30" s="181">
        <v>121</v>
      </c>
      <c r="K30" s="177">
        <v>514</v>
      </c>
      <c r="L30" s="177">
        <v>23</v>
      </c>
      <c r="M30" s="177">
        <v>22</v>
      </c>
      <c r="N30" s="177">
        <v>171</v>
      </c>
      <c r="O30" s="177">
        <v>33</v>
      </c>
      <c r="P30" s="182">
        <v>884</v>
      </c>
      <c r="Q30" s="180">
        <v>-85</v>
      </c>
    </row>
    <row r="31" spans="1:17" s="166" customFormat="1" ht="21.9" customHeight="1" x14ac:dyDescent="0.2">
      <c r="A31" s="174">
        <v>26</v>
      </c>
      <c r="B31" s="175" t="s">
        <v>136</v>
      </c>
      <c r="C31" s="177">
        <v>91</v>
      </c>
      <c r="D31" s="177">
        <v>319</v>
      </c>
      <c r="E31" s="177">
        <v>2</v>
      </c>
      <c r="F31" s="177">
        <v>5</v>
      </c>
      <c r="G31" s="177">
        <v>0</v>
      </c>
      <c r="H31" s="177">
        <v>42</v>
      </c>
      <c r="I31" s="177">
        <v>459</v>
      </c>
      <c r="J31" s="181">
        <v>86</v>
      </c>
      <c r="K31" s="177">
        <v>278</v>
      </c>
      <c r="L31" s="177">
        <v>12</v>
      </c>
      <c r="M31" s="177">
        <v>34</v>
      </c>
      <c r="N31" s="177">
        <v>117</v>
      </c>
      <c r="O31" s="177">
        <v>17</v>
      </c>
      <c r="P31" s="182">
        <v>544</v>
      </c>
      <c r="Q31" s="180">
        <v>-85</v>
      </c>
    </row>
    <row r="32" spans="1:17" s="166" customFormat="1" ht="21.9" customHeight="1" x14ac:dyDescent="0.2">
      <c r="A32" s="174">
        <v>27</v>
      </c>
      <c r="B32" s="175" t="s">
        <v>137</v>
      </c>
      <c r="C32" s="177">
        <v>54</v>
      </c>
      <c r="D32" s="177">
        <v>248</v>
      </c>
      <c r="E32" s="177">
        <v>1</v>
      </c>
      <c r="F32" s="177">
        <v>4</v>
      </c>
      <c r="G32" s="177">
        <v>0</v>
      </c>
      <c r="H32" s="177">
        <v>1</v>
      </c>
      <c r="I32" s="177">
        <v>308</v>
      </c>
      <c r="J32" s="181">
        <v>68</v>
      </c>
      <c r="K32" s="177">
        <v>221</v>
      </c>
      <c r="L32" s="177">
        <v>4</v>
      </c>
      <c r="M32" s="177">
        <v>27</v>
      </c>
      <c r="N32" s="177">
        <v>139</v>
      </c>
      <c r="O32" s="177">
        <v>2</v>
      </c>
      <c r="P32" s="182">
        <v>461</v>
      </c>
      <c r="Q32" s="180">
        <v>-153</v>
      </c>
    </row>
    <row r="33" spans="1:17" s="166" customFormat="1" ht="21.9" customHeight="1" x14ac:dyDescent="0.2">
      <c r="A33" s="174">
        <v>28</v>
      </c>
      <c r="B33" s="175" t="s">
        <v>138</v>
      </c>
      <c r="C33" s="177">
        <v>150</v>
      </c>
      <c r="D33" s="177">
        <v>473</v>
      </c>
      <c r="E33" s="177">
        <v>7</v>
      </c>
      <c r="F33" s="177">
        <v>7</v>
      </c>
      <c r="G33" s="177">
        <v>0</v>
      </c>
      <c r="H33" s="177">
        <v>12</v>
      </c>
      <c r="I33" s="177">
        <v>649</v>
      </c>
      <c r="J33" s="181">
        <v>116</v>
      </c>
      <c r="K33" s="177">
        <v>408</v>
      </c>
      <c r="L33" s="177">
        <v>10</v>
      </c>
      <c r="M33" s="177">
        <v>24</v>
      </c>
      <c r="N33" s="177">
        <v>166</v>
      </c>
      <c r="O33" s="177">
        <v>10</v>
      </c>
      <c r="P33" s="182">
        <v>734</v>
      </c>
      <c r="Q33" s="180">
        <v>-85</v>
      </c>
    </row>
    <row r="34" spans="1:17" s="166" customFormat="1" ht="21.9" customHeight="1" x14ac:dyDescent="0.2">
      <c r="A34" s="174">
        <v>29</v>
      </c>
      <c r="B34" s="175" t="s">
        <v>139</v>
      </c>
      <c r="C34" s="177">
        <v>482</v>
      </c>
      <c r="D34" s="177">
        <v>309</v>
      </c>
      <c r="E34" s="177">
        <v>7</v>
      </c>
      <c r="F34" s="177">
        <v>5</v>
      </c>
      <c r="G34" s="177">
        <v>0</v>
      </c>
      <c r="H34" s="177">
        <v>91</v>
      </c>
      <c r="I34" s="177">
        <v>894</v>
      </c>
      <c r="J34" s="181">
        <v>478</v>
      </c>
      <c r="K34" s="177">
        <v>398</v>
      </c>
      <c r="L34" s="177">
        <v>14</v>
      </c>
      <c r="M34" s="177">
        <v>28</v>
      </c>
      <c r="N34" s="177">
        <v>127</v>
      </c>
      <c r="O34" s="177">
        <v>80</v>
      </c>
      <c r="P34" s="182">
        <v>1125</v>
      </c>
      <c r="Q34" s="180">
        <v>-231</v>
      </c>
    </row>
    <row r="35" spans="1:17" s="166" customFormat="1" ht="21.9" customHeight="1" x14ac:dyDescent="0.2">
      <c r="A35" s="174">
        <v>30</v>
      </c>
      <c r="B35" s="175" t="s">
        <v>140</v>
      </c>
      <c r="C35" s="177">
        <v>97</v>
      </c>
      <c r="D35" s="177">
        <v>210</v>
      </c>
      <c r="E35" s="177">
        <v>6</v>
      </c>
      <c r="F35" s="177">
        <v>2</v>
      </c>
      <c r="G35" s="177">
        <v>0</v>
      </c>
      <c r="H35" s="177">
        <v>9</v>
      </c>
      <c r="I35" s="177">
        <v>324</v>
      </c>
      <c r="J35" s="181">
        <v>60</v>
      </c>
      <c r="K35" s="177">
        <v>192</v>
      </c>
      <c r="L35" s="177">
        <v>8</v>
      </c>
      <c r="M35" s="177">
        <v>20</v>
      </c>
      <c r="N35" s="177">
        <v>137</v>
      </c>
      <c r="O35" s="177">
        <v>3</v>
      </c>
      <c r="P35" s="182">
        <v>420</v>
      </c>
      <c r="Q35" s="180">
        <v>-96</v>
      </c>
    </row>
    <row r="36" spans="1:17" s="166" customFormat="1" ht="21.9" customHeight="1" x14ac:dyDescent="0.2">
      <c r="A36" s="174">
        <v>31</v>
      </c>
      <c r="B36" s="175" t="s">
        <v>141</v>
      </c>
      <c r="C36" s="177">
        <v>312</v>
      </c>
      <c r="D36" s="177">
        <v>796</v>
      </c>
      <c r="E36" s="177">
        <v>19</v>
      </c>
      <c r="F36" s="177">
        <v>16</v>
      </c>
      <c r="G36" s="177">
        <v>0</v>
      </c>
      <c r="H36" s="177">
        <v>34</v>
      </c>
      <c r="I36" s="177">
        <v>1177</v>
      </c>
      <c r="J36" s="181">
        <v>297</v>
      </c>
      <c r="K36" s="177">
        <v>730</v>
      </c>
      <c r="L36" s="177">
        <v>50</v>
      </c>
      <c r="M36" s="177">
        <v>66</v>
      </c>
      <c r="N36" s="177">
        <v>346</v>
      </c>
      <c r="O36" s="177">
        <v>47</v>
      </c>
      <c r="P36" s="182">
        <v>1536</v>
      </c>
      <c r="Q36" s="180">
        <v>-359</v>
      </c>
    </row>
    <row r="37" spans="1:17" s="166" customFormat="1" ht="21.9" customHeight="1" x14ac:dyDescent="0.2">
      <c r="A37" s="174">
        <v>32</v>
      </c>
      <c r="B37" s="175" t="s">
        <v>142</v>
      </c>
      <c r="C37" s="177">
        <v>602</v>
      </c>
      <c r="D37" s="177">
        <v>1497</v>
      </c>
      <c r="E37" s="177">
        <v>26</v>
      </c>
      <c r="F37" s="177">
        <v>55</v>
      </c>
      <c r="G37" s="177">
        <v>0</v>
      </c>
      <c r="H37" s="177">
        <v>34</v>
      </c>
      <c r="I37" s="177">
        <v>2214</v>
      </c>
      <c r="J37" s="181">
        <v>467</v>
      </c>
      <c r="K37" s="177">
        <v>1512</v>
      </c>
      <c r="L37" s="177">
        <v>91</v>
      </c>
      <c r="M37" s="177">
        <v>88</v>
      </c>
      <c r="N37" s="177">
        <v>406</v>
      </c>
      <c r="O37" s="177">
        <v>89</v>
      </c>
      <c r="P37" s="182">
        <v>2653</v>
      </c>
      <c r="Q37" s="180">
        <v>-439</v>
      </c>
    </row>
    <row r="38" spans="1:17" s="166" customFormat="1" ht="21.9" customHeight="1" thickBot="1" x14ac:dyDescent="0.25">
      <c r="A38" s="174">
        <v>33</v>
      </c>
      <c r="B38" s="175" t="s">
        <v>143</v>
      </c>
      <c r="C38" s="177">
        <v>30</v>
      </c>
      <c r="D38" s="177">
        <v>83</v>
      </c>
      <c r="E38" s="177">
        <v>0</v>
      </c>
      <c r="F38" s="177">
        <v>1</v>
      </c>
      <c r="G38" s="177">
        <v>0</v>
      </c>
      <c r="H38" s="177">
        <v>3</v>
      </c>
      <c r="I38" s="177">
        <v>117</v>
      </c>
      <c r="J38" s="181">
        <v>22</v>
      </c>
      <c r="K38" s="177">
        <v>111</v>
      </c>
      <c r="L38" s="177">
        <v>4</v>
      </c>
      <c r="M38" s="177">
        <v>9</v>
      </c>
      <c r="N38" s="177">
        <v>37</v>
      </c>
      <c r="O38" s="177">
        <v>3</v>
      </c>
      <c r="P38" s="182">
        <v>186</v>
      </c>
      <c r="Q38" s="180">
        <v>-69</v>
      </c>
    </row>
    <row r="39" spans="1:17" s="166" customFormat="1" ht="21.9" customHeight="1" thickTop="1" thickBot="1" x14ac:dyDescent="0.25">
      <c r="A39" s="288" t="s">
        <v>80</v>
      </c>
      <c r="B39" s="289"/>
      <c r="C39" s="194">
        <v>84326</v>
      </c>
      <c r="D39" s="194">
        <v>252546</v>
      </c>
      <c r="E39" s="194">
        <v>5795</v>
      </c>
      <c r="F39" s="194">
        <v>5957</v>
      </c>
      <c r="G39" s="194">
        <v>9</v>
      </c>
      <c r="H39" s="194">
        <v>37061</v>
      </c>
      <c r="I39" s="194">
        <v>385694</v>
      </c>
      <c r="J39" s="195">
        <v>71986</v>
      </c>
      <c r="K39" s="194">
        <v>233387</v>
      </c>
      <c r="L39" s="194">
        <v>9704</v>
      </c>
      <c r="M39" s="194">
        <v>11917</v>
      </c>
      <c r="N39" s="194">
        <v>75890</v>
      </c>
      <c r="O39" s="194">
        <v>33967</v>
      </c>
      <c r="P39" s="196">
        <v>436851</v>
      </c>
      <c r="Q39" s="197">
        <v>-51157</v>
      </c>
    </row>
    <row r="40" spans="1:17" s="166" customFormat="1" ht="21.9" customHeight="1" thickTop="1" x14ac:dyDescent="0.2">
      <c r="A40" s="198">
        <v>301</v>
      </c>
      <c r="B40" s="199" t="s">
        <v>144</v>
      </c>
      <c r="C40" s="177">
        <v>0</v>
      </c>
      <c r="D40" s="177">
        <v>625</v>
      </c>
      <c r="E40" s="177">
        <v>0</v>
      </c>
      <c r="F40" s="177">
        <v>25</v>
      </c>
      <c r="G40" s="177">
        <v>0</v>
      </c>
      <c r="H40" s="177">
        <v>519</v>
      </c>
      <c r="I40" s="177">
        <v>1169</v>
      </c>
      <c r="J40" s="181">
        <v>0</v>
      </c>
      <c r="K40" s="177">
        <v>460</v>
      </c>
      <c r="L40" s="177">
        <v>0</v>
      </c>
      <c r="M40" s="177">
        <v>19</v>
      </c>
      <c r="N40" s="177">
        <v>102</v>
      </c>
      <c r="O40" s="177">
        <v>814</v>
      </c>
      <c r="P40" s="182">
        <v>1395</v>
      </c>
      <c r="Q40" s="180">
        <v>-226</v>
      </c>
    </row>
    <row r="41" spans="1:17" s="166" customFormat="1" ht="21.9" customHeight="1" x14ac:dyDescent="0.2">
      <c r="A41" s="198">
        <v>302</v>
      </c>
      <c r="B41" s="199" t="s">
        <v>145</v>
      </c>
      <c r="C41" s="177">
        <v>0</v>
      </c>
      <c r="D41" s="177">
        <v>96</v>
      </c>
      <c r="E41" s="177">
        <v>0</v>
      </c>
      <c r="F41" s="177">
        <v>91</v>
      </c>
      <c r="G41" s="177">
        <v>0</v>
      </c>
      <c r="H41" s="177">
        <v>2517</v>
      </c>
      <c r="I41" s="177">
        <v>2704</v>
      </c>
      <c r="J41" s="181">
        <v>0</v>
      </c>
      <c r="K41" s="177">
        <v>366</v>
      </c>
      <c r="L41" s="177">
        <v>0</v>
      </c>
      <c r="M41" s="177">
        <v>16</v>
      </c>
      <c r="N41" s="177">
        <v>62</v>
      </c>
      <c r="O41" s="177">
        <v>2016</v>
      </c>
      <c r="P41" s="182">
        <v>2460</v>
      </c>
      <c r="Q41" s="180">
        <v>244</v>
      </c>
    </row>
    <row r="42" spans="1:17" s="166" customFormat="1" ht="21.9" customHeight="1" x14ac:dyDescent="0.2">
      <c r="A42" s="198">
        <v>303</v>
      </c>
      <c r="B42" s="199" t="s">
        <v>146</v>
      </c>
      <c r="C42" s="177">
        <v>0</v>
      </c>
      <c r="D42" s="177">
        <v>664</v>
      </c>
      <c r="E42" s="177">
        <v>0</v>
      </c>
      <c r="F42" s="177">
        <v>81</v>
      </c>
      <c r="G42" s="177">
        <v>0</v>
      </c>
      <c r="H42" s="177">
        <v>870</v>
      </c>
      <c r="I42" s="177">
        <v>1615</v>
      </c>
      <c r="J42" s="181">
        <v>0</v>
      </c>
      <c r="K42" s="177">
        <v>680</v>
      </c>
      <c r="L42" s="177">
        <v>3</v>
      </c>
      <c r="M42" s="177">
        <v>36</v>
      </c>
      <c r="N42" s="177">
        <v>212</v>
      </c>
      <c r="O42" s="177">
        <v>1557</v>
      </c>
      <c r="P42" s="182">
        <v>2488</v>
      </c>
      <c r="Q42" s="180">
        <v>-873</v>
      </c>
    </row>
    <row r="43" spans="1:17" s="166" customFormat="1" ht="21.9" customHeight="1" x14ac:dyDescent="0.2">
      <c r="A43" s="198">
        <v>304</v>
      </c>
      <c r="B43" s="199" t="s">
        <v>147</v>
      </c>
      <c r="C43" s="177">
        <v>0</v>
      </c>
      <c r="D43" s="177">
        <v>254</v>
      </c>
      <c r="E43" s="177">
        <v>0</v>
      </c>
      <c r="F43" s="177">
        <v>20</v>
      </c>
      <c r="G43" s="177">
        <v>0</v>
      </c>
      <c r="H43" s="177">
        <v>140</v>
      </c>
      <c r="I43" s="177">
        <v>414</v>
      </c>
      <c r="J43" s="181">
        <v>0</v>
      </c>
      <c r="K43" s="177">
        <v>97</v>
      </c>
      <c r="L43" s="177">
        <v>0</v>
      </c>
      <c r="M43" s="177">
        <v>4</v>
      </c>
      <c r="N43" s="177">
        <v>30</v>
      </c>
      <c r="O43" s="177">
        <v>383</v>
      </c>
      <c r="P43" s="182">
        <v>514</v>
      </c>
      <c r="Q43" s="180">
        <v>-100</v>
      </c>
    </row>
    <row r="44" spans="1:17" s="166" customFormat="1" ht="21.9" customHeight="1" x14ac:dyDescent="0.2">
      <c r="A44" s="198">
        <v>305</v>
      </c>
      <c r="B44" s="199" t="s">
        <v>148</v>
      </c>
      <c r="C44" s="177">
        <v>0</v>
      </c>
      <c r="D44" s="177">
        <v>70</v>
      </c>
      <c r="E44" s="177">
        <v>0</v>
      </c>
      <c r="F44" s="177">
        <v>57</v>
      </c>
      <c r="G44" s="177">
        <v>0</v>
      </c>
      <c r="H44" s="177">
        <v>535</v>
      </c>
      <c r="I44" s="177">
        <v>662</v>
      </c>
      <c r="J44" s="181">
        <v>0</v>
      </c>
      <c r="K44" s="177">
        <v>268</v>
      </c>
      <c r="L44" s="177">
        <v>1</v>
      </c>
      <c r="M44" s="177">
        <v>20</v>
      </c>
      <c r="N44" s="177">
        <v>27</v>
      </c>
      <c r="O44" s="177">
        <v>647</v>
      </c>
      <c r="P44" s="182">
        <v>963</v>
      </c>
      <c r="Q44" s="180">
        <v>-301</v>
      </c>
    </row>
    <row r="45" spans="1:17" s="166" customFormat="1" ht="21.9" customHeight="1" thickBot="1" x14ac:dyDescent="0.25">
      <c r="A45" s="200">
        <v>306</v>
      </c>
      <c r="B45" s="201" t="s">
        <v>149</v>
      </c>
      <c r="C45" s="202">
        <v>0</v>
      </c>
      <c r="D45" s="202">
        <v>1881</v>
      </c>
      <c r="E45" s="202">
        <v>23</v>
      </c>
      <c r="F45" s="202">
        <v>914</v>
      </c>
      <c r="G45" s="202">
        <v>0</v>
      </c>
      <c r="H45" s="202">
        <v>6628</v>
      </c>
      <c r="I45" s="202">
        <v>9446</v>
      </c>
      <c r="J45" s="203">
        <v>0</v>
      </c>
      <c r="K45" s="202">
        <v>2982</v>
      </c>
      <c r="L45" s="202">
        <v>62</v>
      </c>
      <c r="M45" s="202">
        <v>164</v>
      </c>
      <c r="N45" s="202">
        <v>576</v>
      </c>
      <c r="O45" s="202">
        <v>6222</v>
      </c>
      <c r="P45" s="204">
        <v>10006</v>
      </c>
      <c r="Q45" s="205">
        <v>-560</v>
      </c>
    </row>
    <row r="46" spans="1:17" s="166" customFormat="1" ht="21.9" customHeight="1" thickTop="1" thickBot="1" x14ac:dyDescent="0.25">
      <c r="A46" s="288" t="s">
        <v>150</v>
      </c>
      <c r="B46" s="289"/>
      <c r="C46" s="202">
        <v>0</v>
      </c>
      <c r="D46" s="202">
        <v>3590</v>
      </c>
      <c r="E46" s="202">
        <v>23</v>
      </c>
      <c r="F46" s="202">
        <v>1188</v>
      </c>
      <c r="G46" s="202">
        <v>0</v>
      </c>
      <c r="H46" s="202">
        <v>11209</v>
      </c>
      <c r="I46" s="202">
        <v>16010</v>
      </c>
      <c r="J46" s="206">
        <v>0</v>
      </c>
      <c r="K46" s="202">
        <v>4853</v>
      </c>
      <c r="L46" s="202">
        <v>66</v>
      </c>
      <c r="M46" s="202">
        <v>259</v>
      </c>
      <c r="N46" s="202">
        <v>1009</v>
      </c>
      <c r="O46" s="202">
        <v>11639</v>
      </c>
      <c r="P46" s="204">
        <v>17826</v>
      </c>
      <c r="Q46" s="205">
        <v>-1816</v>
      </c>
    </row>
    <row r="47" spans="1:17" s="166" customFormat="1" ht="21.9" customHeight="1" thickTop="1" thickBot="1" x14ac:dyDescent="0.25">
      <c r="A47" s="269" t="s">
        <v>151</v>
      </c>
      <c r="B47" s="270"/>
      <c r="C47" s="207">
        <v>84326</v>
      </c>
      <c r="D47" s="207">
        <v>256136</v>
      </c>
      <c r="E47" s="207">
        <v>5818</v>
      </c>
      <c r="F47" s="207">
        <v>7145</v>
      </c>
      <c r="G47" s="207">
        <v>9</v>
      </c>
      <c r="H47" s="207">
        <v>48270</v>
      </c>
      <c r="I47" s="207">
        <v>401704</v>
      </c>
      <c r="J47" s="208">
        <v>71986</v>
      </c>
      <c r="K47" s="207">
        <v>238240</v>
      </c>
      <c r="L47" s="207">
        <v>9770</v>
      </c>
      <c r="M47" s="207">
        <v>12176</v>
      </c>
      <c r="N47" s="207">
        <v>76899</v>
      </c>
      <c r="O47" s="207">
        <v>45606</v>
      </c>
      <c r="P47" s="209">
        <v>454677</v>
      </c>
      <c r="Q47" s="210">
        <v>-52973</v>
      </c>
    </row>
    <row r="48" spans="1:17" ht="16.5" customHeight="1" x14ac:dyDescent="0.15"/>
    <row r="50" spans="2:2" s="212" customFormat="1" x14ac:dyDescent="0.15">
      <c r="B50" s="213"/>
    </row>
  </sheetData>
  <mergeCells count="7">
    <mergeCell ref="A47:B47"/>
    <mergeCell ref="A3:B5"/>
    <mergeCell ref="C3:I4"/>
    <mergeCell ref="J3:P4"/>
    <mergeCell ref="Q3:Q5"/>
    <mergeCell ref="A39:B39"/>
    <mergeCell ref="A46:B46"/>
  </mergeCells>
  <phoneticPr fontId="11"/>
  <printOptions horizontalCentered="1"/>
  <pageMargins left="0.59055118110236227" right="0.59055118110236227" top="0.59055118110236227" bottom="0.59055118110236227" header="0.51181102362204722" footer="0.51181102362204722"/>
  <pageSetup paperSize="9" scale="72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3</vt:i4>
      </vt:variant>
    </vt:vector>
  </HeadingPairs>
  <TitlesOfParts>
    <vt:vector size="6" baseType="lpstr">
      <vt:lpstr>第1表</vt:lpstr>
      <vt:lpstr>第２～４表</vt:lpstr>
      <vt:lpstr>第5表</vt:lpstr>
      <vt:lpstr>第1表!Print_Area</vt:lpstr>
      <vt:lpstr>'第２～４表'!Print_Area</vt:lpstr>
      <vt:lpstr>第5表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1-10-29T05:01:20Z</cp:lastPrinted>
  <dcterms:created xsi:type="dcterms:W3CDTF">2021-10-29T04:50:10Z</dcterms:created>
  <dcterms:modified xsi:type="dcterms:W3CDTF">2021-10-29T05:02:25Z</dcterms:modified>
</cp:coreProperties>
</file>